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 defaultThemeVersion="124226"/>
  <xr:revisionPtr revIDLastSave="0" documentId="13_ncr:1_{A0CC37E0-8F67-41F7-8F08-87088DBC1B25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歳入一覧" sheetId="1" r:id="rId1"/>
    <sheet name="使用料・手数料の改定等" sheetId="2" state="hidden" r:id="rId2"/>
  </sheets>
  <externalReferences>
    <externalReference r:id="rId3"/>
    <externalReference r:id="rId4"/>
  </externalReferences>
  <definedNames>
    <definedName name="_xlnm._FilterDatabase" localSheetId="0" hidden="1">歳入一覧!$A$6:$GP$93</definedName>
    <definedName name="①">#REF!</definedName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歳入一覧!$A$1:$K$93</definedName>
    <definedName name="_xlnm.Print_Area" localSheetId="1">使用料・手数料の改定等!$A$1:$BQ$15</definedName>
    <definedName name="_xlnm.Print_Titles" localSheetId="0">歳入一覧!$4:$7</definedName>
    <definedName name="rrr">'[1]様式16（見直しチェックシート）'!$U$53:$V$53</definedName>
    <definedName name="Z_01EAA192_030B_4B32_8504_E8B9ACF08987_.wvu.FilterData" localSheetId="0" hidden="1">歳入一覧!$A$6:$AT$93</definedName>
    <definedName name="Z_03AE82A1_1BE2_4ECA_87A2_03B930490FC4_.wvu.FilterData" localSheetId="0" hidden="1">歳入一覧!$A$6:$GP$93</definedName>
    <definedName name="Z_04C8A1BA_9D22_46C9_9CEB_2BC0004FC685_.wvu.FilterData" localSheetId="0" hidden="1">歳入一覧!$B$6:$V$93</definedName>
    <definedName name="Z_04D09D8C_94A5_461B_8EBD_462A08259C45_.wvu.FilterData" localSheetId="0" hidden="1">歳入一覧!$A$6:$GP$93</definedName>
    <definedName name="Z_0984F2AA_60F2_4912_A9FF_2F9A955D5FE3_.wvu.FilterData" localSheetId="0" hidden="1">歳入一覧!$A$7:$GP$93</definedName>
    <definedName name="Z_0C68AD9F_EAAC_4D8C_8595_325E5145CCC9_.wvu.FilterData" localSheetId="0" hidden="1">歳入一覧!$B$6:$V$93</definedName>
    <definedName name="Z_0EC137BB_4649_439E_A306_A2900F1F636A_.wvu.FilterData" localSheetId="0" hidden="1">歳入一覧!$B$6:$V$93</definedName>
    <definedName name="Z_1199D24E_5AB2_4E7F_AA3B_409733D51AC4_.wvu.FilterData" localSheetId="0" hidden="1">歳入一覧!$A$6:$GP$93</definedName>
    <definedName name="Z_1E7D5732_EF56_415D_8F2A_A9A6136A4DC3_.wvu.FilterData" localSheetId="0" hidden="1">歳入一覧!$B$6:$V$93</definedName>
    <definedName name="Z_20E8B0EC_118D_49EF_9836_FFD168BFA307_.wvu.FilterData" localSheetId="0" hidden="1">歳入一覧!$A$6:$AU$93</definedName>
    <definedName name="Z_23F43B3A_3258_499E_84AA_5934348FFA54_.wvu.FilterData" localSheetId="0" hidden="1">歳入一覧!$A$6:$GP$93</definedName>
    <definedName name="Z_24D4AB45_3A64_4C2A_93AD_95EA6B944657_.wvu.FilterData" localSheetId="0" hidden="1">歳入一覧!$B$6:$V$93</definedName>
    <definedName name="Z_27FE125A_CAC0_4187_BAC1_FA85A21F8068_.wvu.FilterData" localSheetId="0" hidden="1">歳入一覧!$A$6:$GP$93</definedName>
    <definedName name="Z_291BEBD1_3E67_44D7_B7E4_9799E8B2AEED_.wvu.FilterData" localSheetId="0" hidden="1">歳入一覧!$B$6:$V$93</definedName>
    <definedName name="Z_2C82E193_3E09_4CE3_80B4_E2A9361A46F4_.wvu.FilterData" localSheetId="0" hidden="1">歳入一覧!$B$6:$V$93</definedName>
    <definedName name="Z_300532A4_C979_47B6_AE96_7529D1452A32_.wvu.FilterData" localSheetId="0" hidden="1">歳入一覧!$A$6:$GP$93</definedName>
    <definedName name="Z_340A5395_F3C0_4C00_AD4A_45ABD0096A3A_.wvu.FilterData" localSheetId="0" hidden="1">歳入一覧!$A$7:$GP$93</definedName>
    <definedName name="Z_374AF662_332C_4305_9FF2_82EBDABE1ECA_.wvu.FilterData" localSheetId="0" hidden="1">歳入一覧!$B$6:$V$93</definedName>
    <definedName name="Z_38677CFC_38FD_428F_B2E6_28D6556AF30E_.wvu.FilterData" localSheetId="0" hidden="1">歳入一覧!$A$6:$AT$93</definedName>
    <definedName name="Z_3EED8F5F_471C_4B50_994D_BB7BEF016969_.wvu.FilterData" localSheetId="0" hidden="1">歳入一覧!$B$6:$V$93</definedName>
    <definedName name="Z_443FC1F6_4EB0_4043_84B4_EA880B09B87F_.wvu.FilterData" localSheetId="0" hidden="1">歳入一覧!$A$6:$AU$93</definedName>
    <definedName name="Z_4FA438CA_84A7_4E4A_B647_D9C724313A30_.wvu.FilterData" localSheetId="0" hidden="1">歳入一覧!$A$6:$AT$93</definedName>
    <definedName name="Z_554CCE7A_C6CE_47E9_833C_4F6A16FE021F_.wvu.FilterData" localSheetId="0" hidden="1">歳入一覧!$A$6:$GP$93</definedName>
    <definedName name="Z_5668B71E_8807_468B_9970_38F9A9F9382A_.wvu.FilterData" localSheetId="0" hidden="1">歳入一覧!$B$6:$V$93</definedName>
    <definedName name="Z_56C3E958_62F0_4D5E_80EF_1B0A7490DD11_.wvu.FilterData" localSheetId="0" hidden="1">歳入一覧!$A$6:$GP$93</definedName>
    <definedName name="Z_571E855B_8DA1_45D3_B25A_CFB379B91A2B_.wvu.FilterData" localSheetId="0" hidden="1">歳入一覧!$A$7:$AY$93</definedName>
    <definedName name="Z_57745067_BF0B_4087_B5A6_8A5691A551DD_.wvu.FilterData" localSheetId="0" hidden="1">歳入一覧!$A$6:$AU$93</definedName>
    <definedName name="Z_593CF9A4_75B1_449B_AD6A_05BC18F73933_.wvu.FilterData" localSheetId="0" hidden="1">歳入一覧!$A$6:$GP$93</definedName>
    <definedName name="Z_640D24A1_F93A_49AE_989A_09EA35DB6178_.wvu.FilterData" localSheetId="0" hidden="1">歳入一覧!$A$7:$GP$93</definedName>
    <definedName name="Z_66224404_EA19_4356_92BE_A2F395931004_.wvu.FilterData" localSheetId="0" hidden="1">歳入一覧!$A$6:$AT$93</definedName>
    <definedName name="Z_665488CF_8ABE_4275_9644_48E5F5043390_.wvu.FilterData" localSheetId="0" hidden="1">歳入一覧!$B$6:$V$93</definedName>
    <definedName name="Z_70924426_1D8A_405C_99DB_5F184299D133_.wvu.FilterData" localSheetId="0" hidden="1">歳入一覧!$A$6:$GP$93</definedName>
    <definedName name="Z_749145BA_5224_4309_8744_80063D3AC2A1_.wvu.FilterData" localSheetId="0" hidden="1">歳入一覧!$B$6:$V$93</definedName>
    <definedName name="Z_7959981C_996C_4AED_A61B_9791C16E24F0_.wvu.FilterData" localSheetId="0" hidden="1">歳入一覧!$A$6:$GP$93</definedName>
    <definedName name="Z_7A18676E_04A4_4AFB_8334_7BB0F24E5EE3_.wvu.FilterData" localSheetId="0" hidden="1">歳入一覧!$A$7:$GP$93</definedName>
    <definedName name="Z_7D518F9E_8A7F_4DB5_A328_AF9BA1D8A68F_.wvu.FilterData" localSheetId="0" hidden="1">歳入一覧!$B$6:$V$93</definedName>
    <definedName name="Z_7D7B3232_DD2F_4BAD_9D61_7BB9E8FBC5D0_.wvu.FilterData" localSheetId="0" hidden="1">歳入一覧!$A$7:$GP$93</definedName>
    <definedName name="Z_7E2DCBD7_F134_4F01_A073_369742F025BC_.wvu.FilterData" localSheetId="0" hidden="1">歳入一覧!$B$6:$V$93</definedName>
    <definedName name="Z_7F9543F0_7900_417C_8668_8D9DC3C6A87C_.wvu.FilterData" localSheetId="0" hidden="1">歳入一覧!$B$6:$V$93</definedName>
    <definedName name="Z_81B5A484_EBF1_4915_9B07_DDCCFE2DB28C_.wvu.FilterData" localSheetId="0" hidden="1">歳入一覧!$B$6:$V$93</definedName>
    <definedName name="Z_86736FF6_D9DA_4CB4_A1A0_805D5D48FA90_.wvu.FilterData" localSheetId="0" hidden="1">歳入一覧!$B$6:$V$93</definedName>
    <definedName name="Z_88E44795_6332_42B5_AD03_CD37EB030AF2_.wvu.FilterData" localSheetId="0" hidden="1">歳入一覧!$B$6:$V$93</definedName>
    <definedName name="Z_89110E34_4E32_4289_9AEB_D2891C4E270B_.wvu.FilterData" localSheetId="0" hidden="1">歳入一覧!$A$6:$AU$93</definedName>
    <definedName name="Z_89C710E6_1500_4641_966A_C6D35D6B7EB2_.wvu.FilterData" localSheetId="0" hidden="1">歳入一覧!$B$6:$V$93</definedName>
    <definedName name="Z_8B9E1F4E_8704_47E3_AFC2_BD7B7399C304_.wvu.FilterData" localSheetId="0" hidden="1">歳入一覧!$B$6:$V$93</definedName>
    <definedName name="Z_901A4DB5_9501_4EB6_9268_72DC5604D1B1_.wvu.FilterData" localSheetId="0" hidden="1">歳入一覧!$A$7:$GP$93</definedName>
    <definedName name="Z_938E702C_B36A_4670_81CA_FE17F251577A_.wvu.FilterData" localSheetId="0" hidden="1">歳入一覧!$A$7:$GP$93</definedName>
    <definedName name="Z_97250119_8D07_4D98_BD4A_0062145CE139_.wvu.FilterData" localSheetId="0" hidden="1">歳入一覧!$A$7:$GP$93</definedName>
    <definedName name="Z_9B4A25DD_435F_45A5_893D_7D8E03D5FC78_.wvu.FilterData" localSheetId="0" hidden="1">歳入一覧!$B$6:$V$93</definedName>
    <definedName name="Z_9C40EDED_6440_486C_B2C2_1C1E7F80BEFD_.wvu.FilterData" localSheetId="0" hidden="1">歳入一覧!$A$6:$GP$93</definedName>
    <definedName name="Z_A1410A53_A816_48E6_BA3B_34AFBECBBF89_.wvu.FilterData" localSheetId="0" hidden="1">歳入一覧!$A$6:$GP$93</definedName>
    <definedName name="Z_A5081DD8_9472_4A84_A31C_C87428B96836_.wvu.FilterData" localSheetId="0" hidden="1">歳入一覧!$A$6:$GP$93</definedName>
    <definedName name="Z_A62B912E_02A1_47A6_A44F_AD1D542D7EAA_.wvu.FilterData" localSheetId="0" hidden="1">歳入一覧!$B$6:$V$93</definedName>
    <definedName name="Z_AB5F7232_79D3_4A00_BF97_AF858AB78B28_.wvu.FilterData" localSheetId="0" hidden="1">歳入一覧!$A$6:$AU$93</definedName>
    <definedName name="Z_ABE7CFFB_C659_4189_B81A_6BEE666EADF0_.wvu.FilterData" localSheetId="0" hidden="1">歳入一覧!$B$6:$V$93</definedName>
    <definedName name="Z_ACF9747A_930D_4496_B09E_8726FC61D724_.wvu.FilterData" localSheetId="0" hidden="1">歳入一覧!$B$6:$V$93</definedName>
    <definedName name="Z_AD4EEFD1_EF9D_4286_82C0_7E3CB759B6A3_.wvu.FilterData" localSheetId="0" hidden="1">歳入一覧!$A$7:$GP$93</definedName>
    <definedName name="Z_B02E5B7B_53CC_43E2_B229_62838E357858_.wvu.FilterData" localSheetId="0" hidden="1">歳入一覧!$A$6:$GP$93</definedName>
    <definedName name="Z_B0B21E7F_41F6_4286_9120_7856223C7AC9_.wvu.FilterData" localSheetId="0" hidden="1">歳入一覧!$A$6:$AY$93</definedName>
    <definedName name="Z_B1F42F59_5BB5_41C4_97C6_4484184E13F1_.wvu.FilterData" localSheetId="0" hidden="1">歳入一覧!$A$6:$AU$93</definedName>
    <definedName name="Z_B2687233_4AA3_4362_A023_25CC6BE303C3_.wvu.FilterData" localSheetId="0" hidden="1">歳入一覧!$A$7:$GP$93</definedName>
    <definedName name="Z_B4678970_F49A_41CB_BDF8_35F7BBC61272_.wvu.FilterData" localSheetId="0" hidden="1">歳入一覧!$A$6:$GP$93</definedName>
    <definedName name="Z_B4B87361_AF8D_47C5_957E_E5D261105FF8_.wvu.FilterData" localSheetId="0" hidden="1">歳入一覧!$B$6:$V$93</definedName>
    <definedName name="Z_B6553749_8496_48D9_9B28_2FAA782B16AA_.wvu.FilterData" localSheetId="0" hidden="1">歳入一覧!$A$6:$AU$93</definedName>
    <definedName name="Z_BEBE1D7C_DEFF_404E_81F6_1D5210FB524E_.wvu.FilterData" localSheetId="0" hidden="1">歳入一覧!$A$6:$AY$93</definedName>
    <definedName name="Z_C16C9525_F2AB_499F_8B03_B5D0380B83C8_.wvu.FilterData" localSheetId="0" hidden="1">歳入一覧!$A$6:$GP$93</definedName>
    <definedName name="Z_C54337A2_366C_46A1_A9F7_6549EFAAF442_.wvu.FilterData" localSheetId="0" hidden="1">歳入一覧!$A$6:$AU$93</definedName>
    <definedName name="Z_CA064EC8_4D5C_43EE_BBED_E1B6AF542620_.wvu.FilterData" localSheetId="0" hidden="1">歳入一覧!$A$6:$AT$93</definedName>
    <definedName name="Z_CB304CF9_F4A6_48BF_A213_8A97A2321FFB_.wvu.FilterData" localSheetId="0" hidden="1">歳入一覧!$A$7:$GP$93</definedName>
    <definedName name="Z_CC508307_D119_49FF_8BAA_92AABCA0A5FE_.wvu.FilterData" localSheetId="0" hidden="1">歳入一覧!$A$6:$AU$93</definedName>
    <definedName name="Z_CD5934FC_09B2_46D2_BD46_603DD634A2B3_.wvu.FilterData" localSheetId="0" hidden="1">歳入一覧!$B$6:$V$93</definedName>
    <definedName name="Z_CF210D75_E9EC_484F_8319_9012F4240FCE_.wvu.FilterData" localSheetId="0" hidden="1">歳入一覧!$B$6:$V$93</definedName>
    <definedName name="Z_D1B1F72B_6819_4930_8144_DE97EF61D4BF_.wvu.FilterData" localSheetId="0" hidden="1">歳入一覧!$A$6:$GP$93</definedName>
    <definedName name="Z_D256FE90_7AAC_4F17_90E9_624F563EB144_.wvu.FilterData" localSheetId="0" hidden="1">歳入一覧!$B$6:$V$93</definedName>
    <definedName name="Z_D6BF0446_50C6_4678_A04B_32751588DCF3_.wvu.FilterData" localSheetId="0" hidden="1">歳入一覧!$A$6:$AT$93</definedName>
    <definedName name="Z_D8CB58F5_96B6_4D98_AA0B_1C30DB37037E_.wvu.FilterData" localSheetId="0" hidden="1">歳入一覧!$A$6:$AU$93</definedName>
    <definedName name="Z_DBBA8445_9E0F_40D4_9DE9_2933FE897DAF_.wvu.FilterData" localSheetId="0" hidden="1">歳入一覧!$A$6:$AU$93</definedName>
    <definedName name="Z_DCF9EBB2_7E40_4D30_A631_26C53A48C875_.wvu.FilterData" localSheetId="0" hidden="1">歳入一覧!$A$6:$GP$93</definedName>
    <definedName name="Z_DD5041F1_D646_4B19_8029_60E491D20DFE_.wvu.FilterData" localSheetId="0" hidden="1">歳入一覧!$B$6:$V$93</definedName>
    <definedName name="Z_DE09C4E9_0758_44B2_A8EA_EB4A253DB03B_.wvu.FilterData" localSheetId="0" hidden="1">歳入一覧!$A$6:$AU$93</definedName>
    <definedName name="Z_E2E7A86C_90FB_4339_8885_AFCEC833D4CF_.wvu.FilterData" localSheetId="0" hidden="1">歳入一覧!$A$6:$GP$93</definedName>
    <definedName name="Z_E3738867_F5D5_4516_9C4E_FA0FEDF4A671_.wvu.FilterData" localSheetId="0" hidden="1">歳入一覧!$B$6:$V$93</definedName>
    <definedName name="Z_EA41A870_F127_49E7_A3AB_BAEABD1815B4_.wvu.FilterData" localSheetId="0" hidden="1">歳入一覧!$A$6:$AU$93</definedName>
    <definedName name="Z_EC7ABD86_73FB_4738_8E62_37D9777EF768_.wvu.FilterData" localSheetId="0" hidden="1">歳入一覧!$A$6:$AU$93</definedName>
    <definedName name="Z_ECE06993_6D41_42FC_98A7_AAC2020FADCC_.wvu.FilterData" localSheetId="0" hidden="1">歳入一覧!$B$6:$V$93</definedName>
    <definedName name="Z_EDE797E3_EF62_4135_93F5_F9D63E4A645A_.wvu.FilterData" localSheetId="0" hidden="1">歳入一覧!$A$6:$GP$93</definedName>
    <definedName name="Z_F060692F_E6DF_412F_9701_0C64A0D5BC00_.wvu.FilterData" localSheetId="0" hidden="1">歳入一覧!$A$6:$GP$93</definedName>
    <definedName name="Z_F20F9FC5_3352_4FFB_AB07_F5B59EDE673F_.wvu.FilterData" localSheetId="0" hidden="1">歳入一覧!$A$6:$AY$93</definedName>
    <definedName name="Z_F32AF5A1_2DE1_4018_B247_AC621BD307C4_.wvu.FilterData" localSheetId="0" hidden="1">歳入一覧!$A$7:$GP$93</definedName>
    <definedName name="Z_F4877DFA_CD25_4ACD_8FD8_51FEDFFE69C4_.wvu.FilterData" localSheetId="0" hidden="1">歳入一覧!$A$6:$GP$93</definedName>
    <definedName name="Z_F552F5E9_56D0_45EB_BAC2_4EDB8E6C3152_.wvu.FilterData" localSheetId="0" hidden="1">歳入一覧!$A$6:$AU$93</definedName>
    <definedName name="Z_F6ADF229_4919_4DA6_81C9_9FB0BF082A60_.wvu.FilterData" localSheetId="0" hidden="1">歳入一覧!$B$6:$V$93</definedName>
    <definedName name="Z_FC27523E_F7B2_4FC2_87C5_2688147494EC_.wvu.FilterData" localSheetId="0" hidden="1">歳入一覧!$B$6:$V$93</definedName>
    <definedName name="Z_FE190E17_C77D_49C1_A972_F9F2A53C5F62_.wvu.FilterData" localSheetId="0" hidden="1">歳入一覧!$A$6:$GP$93</definedName>
    <definedName name="分類">'[2]様式17(見直し一覧)'!$A$38:$A$4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88" i="1" l="1"/>
  <c r="H81" i="1"/>
  <c r="I92" i="1" l="1"/>
  <c r="H45" i="1" l="1"/>
  <c r="G90" i="1" l="1"/>
  <c r="G89" i="1" s="1"/>
  <c r="G88" i="1" s="1"/>
  <c r="G81" i="1"/>
  <c r="G78" i="1"/>
  <c r="G76" i="1"/>
  <c r="G71" i="1"/>
  <c r="G70" i="1" s="1"/>
  <c r="G68" i="1"/>
  <c r="G67" i="1" s="1"/>
  <c r="G64" i="1"/>
  <c r="G62" i="1"/>
  <c r="G60" i="1"/>
  <c r="G58" i="1"/>
  <c r="G57" i="1"/>
  <c r="G56" i="1" s="1"/>
  <c r="G54" i="1"/>
  <c r="G53" i="1" s="1"/>
  <c r="G51" i="1"/>
  <c r="G49" i="1"/>
  <c r="G48" i="1"/>
  <c r="G47" i="1" s="1"/>
  <c r="G45" i="1"/>
  <c r="G44" i="1" s="1"/>
  <c r="G40" i="1"/>
  <c r="G39" i="1" s="1"/>
  <c r="G38" i="1" s="1"/>
  <c r="G36" i="1"/>
  <c r="G35" i="1"/>
  <c r="G33" i="1"/>
  <c r="G32" i="1"/>
  <c r="G30" i="1"/>
  <c r="G29" i="1"/>
  <c r="G28" i="1" s="1"/>
  <c r="G25" i="1"/>
  <c r="G24" i="1" s="1"/>
  <c r="G22" i="1"/>
  <c r="G21" i="1" s="1"/>
  <c r="G20" i="1" s="1"/>
  <c r="G17" i="1"/>
  <c r="G16" i="1"/>
  <c r="G10" i="1"/>
  <c r="G9" i="1"/>
  <c r="G8" i="1" s="1"/>
  <c r="I87" i="1"/>
  <c r="G80" i="1" l="1"/>
  <c r="G61" i="1"/>
  <c r="G75" i="1"/>
  <c r="G66" i="1" s="1"/>
  <c r="H51" i="1"/>
  <c r="H49" i="1"/>
  <c r="I51" i="1" l="1"/>
  <c r="H48" i="1"/>
  <c r="H25" i="1"/>
  <c r="H24" i="1" s="1"/>
  <c r="I52" i="1"/>
  <c r="H30" i="1"/>
  <c r="I27" i="1"/>
  <c r="I85" i="1" l="1"/>
  <c r="I86" i="1"/>
  <c r="I83" i="1"/>
  <c r="I82" i="1"/>
  <c r="I84" i="1" l="1"/>
  <c r="H33" i="1"/>
  <c r="H76" i="1" l="1"/>
  <c r="H80" i="1"/>
  <c r="A9" i="1" l="1"/>
  <c r="A10" i="1" s="1"/>
  <c r="A11" i="1" s="1"/>
  <c r="A12" i="1" s="1"/>
  <c r="A13" i="1" s="1"/>
  <c r="A14" i="1" s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l="1"/>
  <c r="A31" i="1" s="1"/>
  <c r="H17" i="1"/>
  <c r="H10" i="1"/>
  <c r="H9" i="1" l="1"/>
  <c r="A32" i="1"/>
  <c r="A33" i="1" s="1"/>
  <c r="A34" i="1" s="1"/>
  <c r="A35" i="1" s="1"/>
  <c r="A36" i="1" s="1"/>
  <c r="A37" i="1" s="1"/>
  <c r="A38" i="1" s="1"/>
  <c r="A39" i="1" s="1"/>
  <c r="A40" i="1" s="1"/>
  <c r="A41" i="1" s="1"/>
  <c r="A42" i="1" s="1"/>
  <c r="A43" i="1" s="1"/>
  <c r="A44" i="1" s="1"/>
  <c r="A45" i="1" s="1"/>
  <c r="A46" i="1" s="1"/>
  <c r="A47" i="1" s="1"/>
  <c r="A48" i="1" s="1"/>
  <c r="I26" i="1"/>
  <c r="I25" i="1" s="1"/>
  <c r="A49" i="1" l="1"/>
  <c r="A50" i="1" s="1"/>
  <c r="A51" i="1" s="1"/>
  <c r="A52" i="1" s="1"/>
  <c r="A53" i="1" s="1"/>
  <c r="A54" i="1" s="1"/>
  <c r="A55" i="1" s="1"/>
  <c r="A56" i="1" s="1"/>
  <c r="A57" i="1" s="1"/>
  <c r="A58" i="1" s="1"/>
  <c r="A59" i="1" s="1"/>
  <c r="A60" i="1" s="1"/>
  <c r="A61" i="1" s="1"/>
  <c r="A62" i="1" s="1"/>
  <c r="A63" i="1" s="1"/>
  <c r="A64" i="1" s="1"/>
  <c r="A65" i="1" s="1"/>
  <c r="A66" i="1" s="1"/>
  <c r="A67" i="1" s="1"/>
  <c r="A68" i="1" s="1"/>
  <c r="A69" i="1" s="1"/>
  <c r="A70" i="1" s="1"/>
  <c r="A71" i="1" s="1"/>
  <c r="A72" i="1" s="1"/>
  <c r="A73" i="1" s="1"/>
  <c r="A74" i="1" s="1"/>
  <c r="A75" i="1" s="1"/>
  <c r="A76" i="1" s="1"/>
  <c r="A77" i="1" s="1"/>
  <c r="A78" i="1" s="1"/>
  <c r="A79" i="1" s="1"/>
  <c r="A80" i="1" s="1"/>
  <c r="A81" i="1" s="1"/>
  <c r="A82" i="1" s="1"/>
  <c r="I81" i="1"/>
  <c r="H71" i="1" l="1"/>
  <c r="I23" i="1"/>
  <c r="I31" i="1"/>
  <c r="I34" i="1"/>
  <c r="I37" i="1"/>
  <c r="I43" i="1"/>
  <c r="I59" i="1"/>
  <c r="I72" i="1"/>
  <c r="I73" i="1"/>
  <c r="I74" i="1"/>
  <c r="I77" i="1"/>
  <c r="I91" i="1"/>
  <c r="I11" i="1"/>
  <c r="I12" i="1"/>
  <c r="I13" i="1"/>
  <c r="I14" i="1"/>
  <c r="I15" i="1"/>
  <c r="H70" i="1" l="1"/>
  <c r="H36" i="1"/>
  <c r="H35" i="1" l="1"/>
  <c r="I36" i="1"/>
  <c r="I35" i="1" l="1"/>
  <c r="I69" i="1"/>
  <c r="I50" i="1"/>
  <c r="I55" i="1" l="1"/>
  <c r="G93" i="1" l="1"/>
  <c r="I19" i="1" l="1"/>
  <c r="H22" i="1"/>
  <c r="I41" i="1"/>
  <c r="I42" i="1"/>
  <c r="I46" i="1"/>
  <c r="H58" i="1"/>
  <c r="I63" i="1"/>
  <c r="H64" i="1"/>
  <c r="H90" i="1"/>
  <c r="H21" i="1" l="1"/>
  <c r="I21" i="1" s="1"/>
  <c r="I18" i="1"/>
  <c r="H16" i="1"/>
  <c r="I76" i="1"/>
  <c r="I90" i="1"/>
  <c r="H89" i="1"/>
  <c r="I58" i="1"/>
  <c r="H57" i="1"/>
  <c r="I33" i="1"/>
  <c r="H32" i="1"/>
  <c r="I79" i="1"/>
  <c r="I65" i="1"/>
  <c r="I9" i="1"/>
  <c r="I10" i="1"/>
  <c r="I22" i="1"/>
  <c r="H68" i="1"/>
  <c r="H54" i="1"/>
  <c r="H78" i="1"/>
  <c r="I64" i="1"/>
  <c r="H40" i="1"/>
  <c r="H62" i="1"/>
  <c r="I78" i="1" l="1"/>
  <c r="H67" i="1"/>
  <c r="I32" i="1"/>
  <c r="H56" i="1"/>
  <c r="H88" i="1"/>
  <c r="H8" i="1"/>
  <c r="I40" i="1"/>
  <c r="H61" i="1"/>
  <c r="H20" i="1"/>
  <c r="I8" i="1"/>
  <c r="I24" i="1"/>
  <c r="I62" i="1"/>
  <c r="I61" i="1" s="1"/>
  <c r="H60" i="1"/>
  <c r="H75" i="1"/>
  <c r="I68" i="1"/>
  <c r="I67" i="1" s="1"/>
  <c r="H53" i="1"/>
  <c r="I54" i="1"/>
  <c r="I49" i="1"/>
  <c r="I45" i="1"/>
  <c r="H44" i="1"/>
  <c r="H29" i="1"/>
  <c r="I30" i="1"/>
  <c r="I70" i="1"/>
  <c r="I71" i="1"/>
  <c r="I17" i="1"/>
  <c r="I16" i="1"/>
  <c r="I89" i="1"/>
  <c r="I57" i="1"/>
  <c r="H39" i="1"/>
  <c r="I44" i="1" l="1"/>
  <c r="H66" i="1"/>
  <c r="I53" i="1"/>
  <c r="H47" i="1"/>
  <c r="I48" i="1"/>
  <c r="I39" i="1"/>
  <c r="H38" i="1"/>
  <c r="I29" i="1"/>
  <c r="H28" i="1"/>
  <c r="I88" i="1"/>
  <c r="I60" i="1"/>
  <c r="I56" i="1"/>
  <c r="H93" i="1" l="1"/>
  <c r="I38" i="1"/>
  <c r="I28" i="1"/>
  <c r="I47" i="1"/>
  <c r="I80" i="1"/>
  <c r="I75" i="1" s="1"/>
  <c r="I20" i="1"/>
  <c r="I66" i="1"/>
  <c r="I93" i="1" l="1"/>
  <c r="A84" i="1" l="1"/>
  <c r="A89" i="1" s="1"/>
  <c r="A90" i="1" s="1"/>
  <c r="A91" i="1" s="1"/>
  <c r="A92" i="1" s="1"/>
</calcChain>
</file>

<file path=xl/sharedStrings.xml><?xml version="1.0" encoding="utf-8"?>
<sst xmlns="http://schemas.openxmlformats.org/spreadsheetml/2006/main" count="152" uniqueCount="151">
  <si>
    <t>科目</t>
    <rPh sb="0" eb="2">
      <t>カモク</t>
    </rPh>
    <phoneticPr fontId="6"/>
  </si>
  <si>
    <t>増減</t>
    <rPh sb="0" eb="2">
      <t>ゾウゲン</t>
    </rPh>
    <phoneticPr fontId="6"/>
  </si>
  <si>
    <t>1項　使用料</t>
    <rPh sb="1" eb="2">
      <t>コウ</t>
    </rPh>
    <rPh sb="3" eb="6">
      <t>シヨウリョウ</t>
    </rPh>
    <phoneticPr fontId="4"/>
  </si>
  <si>
    <t>1項　国庫負担金</t>
    <rPh sb="1" eb="2">
      <t>コウ</t>
    </rPh>
    <rPh sb="3" eb="5">
      <t>コッコ</t>
    </rPh>
    <rPh sb="5" eb="8">
      <t>フタンキン</t>
    </rPh>
    <phoneticPr fontId="4"/>
  </si>
  <si>
    <t>8目　港湾使用料</t>
    <rPh sb="1" eb="2">
      <t>モク</t>
    </rPh>
    <rPh sb="3" eb="5">
      <t>コウワン</t>
    </rPh>
    <rPh sb="5" eb="8">
      <t>シヨウリョウ</t>
    </rPh>
    <phoneticPr fontId="4"/>
  </si>
  <si>
    <t>2節　道路手数料</t>
    <rPh sb="1" eb="2">
      <t>セツ</t>
    </rPh>
    <rPh sb="3" eb="5">
      <t>ドウロ</t>
    </rPh>
    <rPh sb="5" eb="7">
      <t>テスウ</t>
    </rPh>
    <rPh sb="7" eb="8">
      <t>リョウ</t>
    </rPh>
    <phoneticPr fontId="4"/>
  </si>
  <si>
    <t>7目　土木手数料</t>
    <rPh sb="1" eb="2">
      <t>モク</t>
    </rPh>
    <rPh sb="3" eb="5">
      <t>ドボク</t>
    </rPh>
    <rPh sb="5" eb="7">
      <t>テスウ</t>
    </rPh>
    <rPh sb="7" eb="8">
      <t>リョウ</t>
    </rPh>
    <phoneticPr fontId="4"/>
  </si>
  <si>
    <t>4節　其他手数料</t>
    <rPh sb="1" eb="2">
      <t>セツ</t>
    </rPh>
    <rPh sb="3" eb="5">
      <t>ソノタ</t>
    </rPh>
    <rPh sb="5" eb="8">
      <t>テスウリョウ</t>
    </rPh>
    <phoneticPr fontId="4"/>
  </si>
  <si>
    <t>3項　委託金</t>
    <rPh sb="1" eb="2">
      <t>コウ</t>
    </rPh>
    <rPh sb="3" eb="5">
      <t>イタク</t>
    </rPh>
    <rPh sb="5" eb="6">
      <t>キン</t>
    </rPh>
    <phoneticPr fontId="4"/>
  </si>
  <si>
    <t>2項　府補助金</t>
    <rPh sb="1" eb="2">
      <t>コウ</t>
    </rPh>
    <rPh sb="3" eb="4">
      <t>フ</t>
    </rPh>
    <rPh sb="4" eb="7">
      <t>ホジョキン</t>
    </rPh>
    <phoneticPr fontId="4"/>
  </si>
  <si>
    <t>6目　港湾費委託金</t>
    <rPh sb="1" eb="2">
      <t>モク</t>
    </rPh>
    <rPh sb="3" eb="5">
      <t>コウワン</t>
    </rPh>
    <rPh sb="5" eb="6">
      <t>ヒ</t>
    </rPh>
    <rPh sb="6" eb="8">
      <t>イタク</t>
    </rPh>
    <rPh sb="8" eb="9">
      <t>キン</t>
    </rPh>
    <phoneticPr fontId="4"/>
  </si>
  <si>
    <t>4項　府交付金</t>
    <rPh sb="1" eb="2">
      <t>コウ</t>
    </rPh>
    <rPh sb="3" eb="4">
      <t>フ</t>
    </rPh>
    <rPh sb="4" eb="6">
      <t>コウフ</t>
    </rPh>
    <phoneticPr fontId="4"/>
  </si>
  <si>
    <t>8目　港湾費府交付金</t>
    <rPh sb="1" eb="2">
      <t>モク</t>
    </rPh>
    <rPh sb="3" eb="5">
      <t>コウワン</t>
    </rPh>
    <rPh sb="5" eb="6">
      <t>ヒ</t>
    </rPh>
    <rPh sb="6" eb="7">
      <t>フ</t>
    </rPh>
    <rPh sb="7" eb="10">
      <t>コウフキン</t>
    </rPh>
    <phoneticPr fontId="4"/>
  </si>
  <si>
    <t>1項　財産貸付収入</t>
    <rPh sb="1" eb="2">
      <t>コウ</t>
    </rPh>
    <rPh sb="3" eb="5">
      <t>ザイサン</t>
    </rPh>
    <rPh sb="5" eb="7">
      <t>カシツケ</t>
    </rPh>
    <rPh sb="7" eb="9">
      <t>シュウニュウ</t>
    </rPh>
    <phoneticPr fontId="4"/>
  </si>
  <si>
    <t>1目　賃貸料</t>
    <rPh sb="1" eb="2">
      <t>モク</t>
    </rPh>
    <rPh sb="3" eb="6">
      <t>チンタイリョウ</t>
    </rPh>
    <phoneticPr fontId="4"/>
  </si>
  <si>
    <t>1節　土地賃貸料</t>
    <rPh sb="1" eb="2">
      <t>セツ</t>
    </rPh>
    <rPh sb="3" eb="5">
      <t>トチ</t>
    </rPh>
    <rPh sb="5" eb="8">
      <t>チンタイリョウ</t>
    </rPh>
    <phoneticPr fontId="4"/>
  </si>
  <si>
    <t>2節　建物賃貸料</t>
    <rPh sb="1" eb="2">
      <t>セツ</t>
    </rPh>
    <rPh sb="3" eb="5">
      <t>タテモノ</t>
    </rPh>
    <rPh sb="5" eb="8">
      <t>チンタイリョウ</t>
    </rPh>
    <phoneticPr fontId="4"/>
  </si>
  <si>
    <t>2項　利子及配当金収入</t>
    <rPh sb="1" eb="2">
      <t>コウ</t>
    </rPh>
    <rPh sb="3" eb="5">
      <t>リシ</t>
    </rPh>
    <rPh sb="5" eb="6">
      <t>オヨ</t>
    </rPh>
    <rPh sb="6" eb="9">
      <t>ハイトウキン</t>
    </rPh>
    <rPh sb="9" eb="11">
      <t>シュウニュウ</t>
    </rPh>
    <phoneticPr fontId="4"/>
  </si>
  <si>
    <t>1節　蓄積基金利子</t>
    <rPh sb="1" eb="2">
      <t>セツ</t>
    </rPh>
    <rPh sb="3" eb="5">
      <t>チクセキ</t>
    </rPh>
    <rPh sb="5" eb="7">
      <t>キキン</t>
    </rPh>
    <rPh sb="7" eb="9">
      <t>リシ</t>
    </rPh>
    <phoneticPr fontId="4"/>
  </si>
  <si>
    <t>1項　不動産売却代</t>
    <rPh sb="1" eb="2">
      <t>コウ</t>
    </rPh>
    <rPh sb="3" eb="6">
      <t>フドウサン</t>
    </rPh>
    <rPh sb="6" eb="8">
      <t>バイキャク</t>
    </rPh>
    <rPh sb="8" eb="9">
      <t>ダイ</t>
    </rPh>
    <phoneticPr fontId="4"/>
  </si>
  <si>
    <t>1目　土地売却代</t>
    <rPh sb="1" eb="2">
      <t>モク</t>
    </rPh>
    <rPh sb="3" eb="5">
      <t>トチ</t>
    </rPh>
    <rPh sb="5" eb="7">
      <t>バイキャク</t>
    </rPh>
    <rPh sb="7" eb="8">
      <t>ダイ</t>
    </rPh>
    <phoneticPr fontId="4"/>
  </si>
  <si>
    <t>2項　物品売却代</t>
    <rPh sb="1" eb="2">
      <t>コウ</t>
    </rPh>
    <rPh sb="3" eb="5">
      <t>ブッピン</t>
    </rPh>
    <rPh sb="5" eb="7">
      <t>バイキャク</t>
    </rPh>
    <rPh sb="7" eb="8">
      <t>ダイ</t>
    </rPh>
    <phoneticPr fontId="4"/>
  </si>
  <si>
    <t>1目　雑品売却代</t>
    <rPh sb="1" eb="2">
      <t>モク</t>
    </rPh>
    <rPh sb="3" eb="5">
      <t>ザッピン</t>
    </rPh>
    <rPh sb="5" eb="7">
      <t>バイキャク</t>
    </rPh>
    <rPh sb="7" eb="8">
      <t>ダイ</t>
    </rPh>
    <phoneticPr fontId="4"/>
  </si>
  <si>
    <t>1節　各種不用品</t>
    <rPh sb="1" eb="2">
      <t>セツ</t>
    </rPh>
    <rPh sb="3" eb="5">
      <t>カクシュ</t>
    </rPh>
    <rPh sb="5" eb="8">
      <t>フヨウヒン</t>
    </rPh>
    <phoneticPr fontId="4"/>
  </si>
  <si>
    <t>1節　大阪港振興基金繰入金</t>
    <rPh sb="1" eb="2">
      <t>セツ</t>
    </rPh>
    <rPh sb="3" eb="6">
      <t>オオサカコウ</t>
    </rPh>
    <rPh sb="6" eb="8">
      <t>シンコウ</t>
    </rPh>
    <rPh sb="8" eb="10">
      <t>キキン</t>
    </rPh>
    <rPh sb="10" eb="12">
      <t>クリイレ</t>
    </rPh>
    <rPh sb="12" eb="13">
      <t>キン</t>
    </rPh>
    <phoneticPr fontId="4"/>
  </si>
  <si>
    <t>1節　都市整備事業基金繰入金</t>
    <rPh sb="1" eb="2">
      <t>セツ</t>
    </rPh>
    <rPh sb="3" eb="5">
      <t>トシ</t>
    </rPh>
    <rPh sb="5" eb="7">
      <t>セイビ</t>
    </rPh>
    <rPh sb="7" eb="9">
      <t>ジギョウ</t>
    </rPh>
    <rPh sb="9" eb="11">
      <t>キキン</t>
    </rPh>
    <rPh sb="11" eb="13">
      <t>クリイレ</t>
    </rPh>
    <rPh sb="13" eb="14">
      <t>キン</t>
    </rPh>
    <phoneticPr fontId="4"/>
  </si>
  <si>
    <t>1項　延滞金、加算金及過料</t>
    <rPh sb="1" eb="2">
      <t>コウ</t>
    </rPh>
    <rPh sb="3" eb="6">
      <t>エンタイキン</t>
    </rPh>
    <rPh sb="7" eb="10">
      <t>カサンキン</t>
    </rPh>
    <rPh sb="10" eb="11">
      <t>オヨ</t>
    </rPh>
    <rPh sb="11" eb="13">
      <t>カリョウ</t>
    </rPh>
    <phoneticPr fontId="4"/>
  </si>
  <si>
    <t>1目　延滞金</t>
    <rPh sb="1" eb="2">
      <t>モク</t>
    </rPh>
    <rPh sb="3" eb="6">
      <t>エンタイキン</t>
    </rPh>
    <phoneticPr fontId="4"/>
  </si>
  <si>
    <t>1節　延滞金</t>
    <rPh sb="1" eb="2">
      <t>セツ</t>
    </rPh>
    <rPh sb="3" eb="6">
      <t>エンタイキン</t>
    </rPh>
    <phoneticPr fontId="4"/>
  </si>
  <si>
    <t>3項　貸付金元利収入</t>
    <rPh sb="1" eb="2">
      <t>コウ</t>
    </rPh>
    <rPh sb="3" eb="5">
      <t>カシツケ</t>
    </rPh>
    <rPh sb="5" eb="6">
      <t>キン</t>
    </rPh>
    <rPh sb="6" eb="8">
      <t>ガンリ</t>
    </rPh>
    <rPh sb="8" eb="10">
      <t>シュウニュウ</t>
    </rPh>
    <phoneticPr fontId="4"/>
  </si>
  <si>
    <t>6項　雑入</t>
    <rPh sb="1" eb="2">
      <t>コウ</t>
    </rPh>
    <rPh sb="3" eb="5">
      <t>ザツニュウ</t>
    </rPh>
    <phoneticPr fontId="4"/>
  </si>
  <si>
    <t>1節　市税外収入</t>
    <rPh sb="1" eb="2">
      <t>セツ</t>
    </rPh>
    <rPh sb="3" eb="4">
      <t>シ</t>
    </rPh>
    <rPh sb="4" eb="5">
      <t>ゼイ</t>
    </rPh>
    <rPh sb="5" eb="6">
      <t>ガイ</t>
    </rPh>
    <rPh sb="6" eb="8">
      <t>シュウニュウ</t>
    </rPh>
    <phoneticPr fontId="4"/>
  </si>
  <si>
    <t>1節　雑収</t>
    <rPh sb="1" eb="2">
      <t>セツ</t>
    </rPh>
    <rPh sb="3" eb="4">
      <t>ザツ</t>
    </rPh>
    <rPh sb="4" eb="5">
      <t>シュウ</t>
    </rPh>
    <phoneticPr fontId="4"/>
  </si>
  <si>
    <t>1項　市債</t>
    <rPh sb="1" eb="2">
      <t>コウ</t>
    </rPh>
    <rPh sb="3" eb="5">
      <t>シサイ</t>
    </rPh>
    <phoneticPr fontId="4"/>
  </si>
  <si>
    <t>8目　港湾債</t>
    <rPh sb="1" eb="2">
      <t>モク</t>
    </rPh>
    <rPh sb="3" eb="5">
      <t>コウワン</t>
    </rPh>
    <rPh sb="5" eb="6">
      <t>サイ</t>
    </rPh>
    <phoneticPr fontId="4"/>
  </si>
  <si>
    <t>1節　港湾整備事業資金</t>
    <rPh sb="1" eb="2">
      <t>セツ</t>
    </rPh>
    <rPh sb="3" eb="5">
      <t>コウワン</t>
    </rPh>
    <rPh sb="5" eb="7">
      <t>セイビ</t>
    </rPh>
    <rPh sb="7" eb="9">
      <t>ジギョウ</t>
    </rPh>
    <rPh sb="9" eb="11">
      <t>シキン</t>
    </rPh>
    <phoneticPr fontId="4"/>
  </si>
  <si>
    <t>2節　港湾整備事業貸付資金</t>
    <rPh sb="1" eb="2">
      <t>セツ</t>
    </rPh>
    <rPh sb="3" eb="5">
      <t>コウワン</t>
    </rPh>
    <rPh sb="5" eb="7">
      <t>セイビ</t>
    </rPh>
    <rPh sb="7" eb="9">
      <t>ジギョウ</t>
    </rPh>
    <rPh sb="9" eb="11">
      <t>カシツケ</t>
    </rPh>
    <rPh sb="11" eb="13">
      <t>シキン</t>
    </rPh>
    <phoneticPr fontId="4"/>
  </si>
  <si>
    <t>歳入合計</t>
    <rPh sb="0" eb="2">
      <t>サイニュウ</t>
    </rPh>
    <rPh sb="2" eb="4">
      <t>ゴウケイ</t>
    </rPh>
    <phoneticPr fontId="4"/>
  </si>
  <si>
    <t>建物賃貸料</t>
    <rPh sb="0" eb="2">
      <t>タテモノ</t>
    </rPh>
    <rPh sb="2" eb="5">
      <t>チンタイリョウ</t>
    </rPh>
    <phoneticPr fontId="4"/>
  </si>
  <si>
    <t>各種不用品売却代</t>
    <rPh sb="0" eb="2">
      <t>カクシュ</t>
    </rPh>
    <rPh sb="2" eb="5">
      <t>フヨウヒン</t>
    </rPh>
    <rPh sb="5" eb="7">
      <t>バイキャク</t>
    </rPh>
    <rPh sb="7" eb="8">
      <t>ダイ</t>
    </rPh>
    <phoneticPr fontId="4"/>
  </si>
  <si>
    <t>各種証明の発行に係る手数料</t>
    <rPh sb="0" eb="2">
      <t>カクシュ</t>
    </rPh>
    <rPh sb="2" eb="4">
      <t>ショウメイ</t>
    </rPh>
    <rPh sb="5" eb="7">
      <t>ハッコウ</t>
    </rPh>
    <rPh sb="8" eb="9">
      <t>カカ</t>
    </rPh>
    <rPh sb="10" eb="13">
      <t>テスウリョウ</t>
    </rPh>
    <phoneticPr fontId="4"/>
  </si>
  <si>
    <t>蓄積基金の運用利子収入</t>
    <rPh sb="0" eb="2">
      <t>チクセキ</t>
    </rPh>
    <rPh sb="2" eb="4">
      <t>キキン</t>
    </rPh>
    <rPh sb="5" eb="7">
      <t>ウンヨウ</t>
    </rPh>
    <rPh sb="7" eb="9">
      <t>リシ</t>
    </rPh>
    <rPh sb="9" eb="11">
      <t>シュウニュウ</t>
    </rPh>
    <phoneticPr fontId="4"/>
  </si>
  <si>
    <t>大阪港振興基金からの繰入金</t>
    <rPh sb="0" eb="3">
      <t>オオサカコウ</t>
    </rPh>
    <rPh sb="3" eb="5">
      <t>シンコウ</t>
    </rPh>
    <rPh sb="5" eb="7">
      <t>キキン</t>
    </rPh>
    <rPh sb="10" eb="12">
      <t>クリイレ</t>
    </rPh>
    <rPh sb="12" eb="13">
      <t>キン</t>
    </rPh>
    <phoneticPr fontId="4"/>
  </si>
  <si>
    <t>都市整備事業基金からの繰入金</t>
    <rPh sb="0" eb="2">
      <t>トシ</t>
    </rPh>
    <rPh sb="2" eb="4">
      <t>セイビ</t>
    </rPh>
    <rPh sb="4" eb="6">
      <t>ジギョウ</t>
    </rPh>
    <rPh sb="6" eb="8">
      <t>キキン</t>
    </rPh>
    <rPh sb="11" eb="13">
      <t>クリイレ</t>
    </rPh>
    <rPh sb="13" eb="14">
      <t>キン</t>
    </rPh>
    <phoneticPr fontId="4"/>
  </si>
  <si>
    <t>説明</t>
    <rPh sb="0" eb="2">
      <t>セツメイ</t>
    </rPh>
    <phoneticPr fontId="7"/>
  </si>
  <si>
    <t>2項　手数料</t>
    <rPh sb="1" eb="2">
      <t>コウ</t>
    </rPh>
    <rPh sb="3" eb="6">
      <t>テスウリョウ</t>
    </rPh>
    <phoneticPr fontId="4"/>
  </si>
  <si>
    <t>土地確認関係事務に対する交付金</t>
  </si>
  <si>
    <t>岸壁賃貸料</t>
  </si>
  <si>
    <t>港湾環境整備事業収入</t>
  </si>
  <si>
    <t>(②-①)</t>
  </si>
  <si>
    <t>通し</t>
    <phoneticPr fontId="6"/>
  </si>
  <si>
    <t>番号</t>
    <phoneticPr fontId="6"/>
  </si>
  <si>
    <t>備考</t>
    <phoneticPr fontId="6"/>
  </si>
  <si>
    <t>港湾整備事業に係る市債</t>
  </si>
  <si>
    <t>港湾整備事業貸付に係る市債</t>
  </si>
  <si>
    <t>土地賃貸料延滞金</t>
    <rPh sb="0" eb="2">
      <t>トチ</t>
    </rPh>
    <rPh sb="2" eb="5">
      <t>チンタイリョウ</t>
    </rPh>
    <rPh sb="5" eb="8">
      <t>エンタイキン</t>
    </rPh>
    <phoneticPr fontId="0"/>
  </si>
  <si>
    <t>一般会計歳入予算一覧</t>
    <rPh sb="0" eb="2">
      <t>イッパン</t>
    </rPh>
    <rPh sb="2" eb="4">
      <t>カイケイ</t>
    </rPh>
    <rPh sb="4" eb="6">
      <t>サイニュウ</t>
    </rPh>
    <rPh sb="6" eb="8">
      <t>ヨサン</t>
    </rPh>
    <rPh sb="8" eb="10">
      <t>イチラン</t>
    </rPh>
    <phoneticPr fontId="6"/>
  </si>
  <si>
    <t>外航船舶等</t>
    <phoneticPr fontId="4"/>
  </si>
  <si>
    <t>廃棄物埋立護岸等</t>
    <phoneticPr fontId="4"/>
  </si>
  <si>
    <t>運動場</t>
    <phoneticPr fontId="4"/>
  </si>
  <si>
    <t>公有水面等</t>
    <phoneticPr fontId="4"/>
  </si>
  <si>
    <t>港湾調査に対する委託金</t>
    <phoneticPr fontId="4"/>
  </si>
  <si>
    <t>(単位：千円)</t>
    <phoneticPr fontId="4"/>
  </si>
  <si>
    <t>1節　入港料</t>
    <phoneticPr fontId="4"/>
  </si>
  <si>
    <t>2節　港湾施設使用料</t>
    <phoneticPr fontId="4"/>
  </si>
  <si>
    <t>3節　海浜施設使用料</t>
    <phoneticPr fontId="4"/>
  </si>
  <si>
    <t>4節　水面使用料</t>
    <phoneticPr fontId="4"/>
  </si>
  <si>
    <t>5節　其他使用料</t>
    <phoneticPr fontId="4"/>
  </si>
  <si>
    <t>1節　港湾整備費負担金</t>
    <phoneticPr fontId="4"/>
  </si>
  <si>
    <t>1節　港湾調査委託金</t>
    <phoneticPr fontId="4"/>
  </si>
  <si>
    <t>1節　土地確認関係事務費交付金</t>
    <phoneticPr fontId="4"/>
  </si>
  <si>
    <t>3節　岸壁賃貸料</t>
    <phoneticPr fontId="4"/>
  </si>
  <si>
    <t>1節　港湾環境整備事業収入</t>
    <phoneticPr fontId="4"/>
  </si>
  <si>
    <t>1節　其他不用地</t>
    <rPh sb="1" eb="2">
      <t>セツ</t>
    </rPh>
    <rPh sb="3" eb="5">
      <t>ソノタ</t>
    </rPh>
    <rPh sb="5" eb="7">
      <t>フヨウ</t>
    </rPh>
    <rPh sb="7" eb="8">
      <t>チ</t>
    </rPh>
    <phoneticPr fontId="2"/>
  </si>
  <si>
    <t>不用地売却代</t>
    <rPh sb="0" eb="2">
      <t>フヨウ</t>
    </rPh>
    <rPh sb="2" eb="3">
      <t>チ</t>
    </rPh>
    <rPh sb="3" eb="5">
      <t>バイキャク</t>
    </rPh>
    <rPh sb="5" eb="6">
      <t>ダイ</t>
    </rPh>
    <phoneticPr fontId="2"/>
  </si>
  <si>
    <t>1節　港湾管理費補助金</t>
    <rPh sb="1" eb="2">
      <t>セツ</t>
    </rPh>
    <rPh sb="3" eb="5">
      <t>コウワン</t>
    </rPh>
    <rPh sb="5" eb="7">
      <t>カンリ</t>
    </rPh>
    <rPh sb="7" eb="8">
      <t>ヒ</t>
    </rPh>
    <rPh sb="8" eb="11">
      <t>ホジョキン</t>
    </rPh>
    <phoneticPr fontId="4"/>
  </si>
  <si>
    <t>航行安全対策に係る負担金</t>
    <rPh sb="0" eb="2">
      <t>コウコウ</t>
    </rPh>
    <rPh sb="2" eb="4">
      <t>アンゼン</t>
    </rPh>
    <rPh sb="4" eb="6">
      <t>タイサク</t>
    </rPh>
    <rPh sb="7" eb="8">
      <t>カカ</t>
    </rPh>
    <rPh sb="9" eb="12">
      <t>フタンキン</t>
    </rPh>
    <phoneticPr fontId="4"/>
  </si>
  <si>
    <t>土地賃貸料等の過年度収入</t>
    <rPh sb="5" eb="6">
      <t>トウ</t>
    </rPh>
    <phoneticPr fontId="4"/>
  </si>
  <si>
    <t>4目　港湾費国庫負担金</t>
    <rPh sb="1" eb="2">
      <t>モク</t>
    </rPh>
    <rPh sb="3" eb="5">
      <t>コウワン</t>
    </rPh>
    <rPh sb="5" eb="6">
      <t>ヒ</t>
    </rPh>
    <rPh sb="6" eb="8">
      <t>コッコ</t>
    </rPh>
    <rPh sb="8" eb="11">
      <t>フタンキン</t>
    </rPh>
    <phoneticPr fontId="4"/>
  </si>
  <si>
    <t>当初①</t>
    <rPh sb="0" eb="2">
      <t>トウショ</t>
    </rPh>
    <phoneticPr fontId="4"/>
  </si>
  <si>
    <t>大阪港湾局関係費用負担金</t>
    <phoneticPr fontId="4"/>
  </si>
  <si>
    <t>3項　蓄積基金繰入金</t>
    <rPh sb="1" eb="2">
      <t>コウ</t>
    </rPh>
    <rPh sb="3" eb="5">
      <t>チクセキ</t>
    </rPh>
    <rPh sb="5" eb="7">
      <t>キキン</t>
    </rPh>
    <rPh sb="7" eb="9">
      <t>クリイレ</t>
    </rPh>
    <rPh sb="9" eb="10">
      <t>キン</t>
    </rPh>
    <phoneticPr fontId="9"/>
  </si>
  <si>
    <t>広告収入、私用光熱水費に係る収入等</t>
    <rPh sb="0" eb="2">
      <t>コウコク</t>
    </rPh>
    <rPh sb="2" eb="4">
      <t>シュウニュウ</t>
    </rPh>
    <rPh sb="5" eb="7">
      <t>シヨウ</t>
    </rPh>
    <rPh sb="7" eb="11">
      <t>コウネツスイヒ</t>
    </rPh>
    <rPh sb="12" eb="13">
      <t>カカ</t>
    </rPh>
    <rPh sb="14" eb="16">
      <t>シュウニュウ</t>
    </rPh>
    <rPh sb="16" eb="17">
      <t>トウ</t>
    </rPh>
    <phoneticPr fontId="4"/>
  </si>
  <si>
    <t>所属名　大阪港湾局</t>
    <rPh sb="0" eb="2">
      <t>ショゾク</t>
    </rPh>
    <rPh sb="2" eb="3">
      <t>メイ</t>
    </rPh>
    <rPh sb="4" eb="6">
      <t>オオサカ</t>
    </rPh>
    <rPh sb="6" eb="8">
      <t>コウワン</t>
    </rPh>
    <rPh sb="8" eb="9">
      <t>キョク</t>
    </rPh>
    <phoneticPr fontId="6"/>
  </si>
  <si>
    <t>1項　寄附金</t>
    <rPh sb="1" eb="2">
      <t>コウ</t>
    </rPh>
    <phoneticPr fontId="4"/>
  </si>
  <si>
    <t>12目　港湾費寄附金</t>
    <rPh sb="2" eb="3">
      <t>モク</t>
    </rPh>
    <rPh sb="4" eb="6">
      <t>コウワン</t>
    </rPh>
    <rPh sb="6" eb="7">
      <t>ヒ</t>
    </rPh>
    <phoneticPr fontId="4"/>
  </si>
  <si>
    <t>1節　港湾費寄附金</t>
  </si>
  <si>
    <t>1目　貸付金元利収入</t>
    <rPh sb="1" eb="2">
      <t>モク</t>
    </rPh>
    <rPh sb="3" eb="5">
      <t>カシツケ</t>
    </rPh>
    <rPh sb="5" eb="6">
      <t>キン</t>
    </rPh>
    <rPh sb="6" eb="8">
      <t>ガンリ</t>
    </rPh>
    <rPh sb="8" eb="10">
      <t>シュウニュウ</t>
    </rPh>
    <phoneticPr fontId="4"/>
  </si>
  <si>
    <t>大阪港埠頭株式会社貸付金元金の返還金及び利子収入</t>
    <rPh sb="18" eb="19">
      <t>オヨ</t>
    </rPh>
    <rPh sb="20" eb="24">
      <t>リシシュウニュウ</t>
    </rPh>
    <phoneticPr fontId="4"/>
  </si>
  <si>
    <t>夢洲コンテナターミナル株式会社貸付金元金の返還金及び利子収入</t>
    <phoneticPr fontId="4"/>
  </si>
  <si>
    <t>阪神国際港湾株式会社貸付金元金の返還金及び利子収入</t>
    <rPh sb="13" eb="15">
      <t>ガンキン</t>
    </rPh>
    <phoneticPr fontId="4"/>
  </si>
  <si>
    <t>未利用地賃貸料</t>
    <rPh sb="0" eb="4">
      <t>ミリヨウチ</t>
    </rPh>
    <rPh sb="4" eb="7">
      <t>チンタイリョウ</t>
    </rPh>
    <phoneticPr fontId="4"/>
  </si>
  <si>
    <t>2項　国庫補助金</t>
    <rPh sb="1" eb="2">
      <t>コウ</t>
    </rPh>
    <rPh sb="3" eb="5">
      <t>コッコ</t>
    </rPh>
    <rPh sb="5" eb="8">
      <t>ホジョキン</t>
    </rPh>
    <phoneticPr fontId="4"/>
  </si>
  <si>
    <t>※</t>
    <phoneticPr fontId="4"/>
  </si>
  <si>
    <t>予算案②</t>
    <rPh sb="0" eb="3">
      <t>ヨサンアン</t>
    </rPh>
    <phoneticPr fontId="4"/>
  </si>
  <si>
    <t>8目　港湾費国庫補助金</t>
    <rPh sb="1" eb="2">
      <t>モク</t>
    </rPh>
    <rPh sb="3" eb="5">
      <t>コウワン</t>
    </rPh>
    <rPh sb="5" eb="6">
      <t>ヒ</t>
    </rPh>
    <rPh sb="6" eb="8">
      <t>コッコ</t>
    </rPh>
    <rPh sb="8" eb="11">
      <t>ホジョキン</t>
    </rPh>
    <phoneticPr fontId="4"/>
  </si>
  <si>
    <t>訪日外国人旅行者周遊促進事業に対する補助金</t>
    <phoneticPr fontId="4"/>
  </si>
  <si>
    <t>港内清掃事業に対する補助金</t>
    <rPh sb="0" eb="2">
      <t>コウナイ</t>
    </rPh>
    <rPh sb="2" eb="4">
      <t>セイソウ</t>
    </rPh>
    <rPh sb="4" eb="6">
      <t>ジギョウ</t>
    </rPh>
    <rPh sb="7" eb="8">
      <t>タイ</t>
    </rPh>
    <rPh sb="10" eb="13">
      <t>ホジョキン</t>
    </rPh>
    <phoneticPr fontId="0"/>
  </si>
  <si>
    <t>港営事業会計負担金（港湾保安対策事業）</t>
    <rPh sb="0" eb="2">
      <t>ミナトエイ</t>
    </rPh>
    <rPh sb="2" eb="6">
      <t>ジギョウカイケイ</t>
    </rPh>
    <rPh sb="6" eb="9">
      <t>フタンキン</t>
    </rPh>
    <rPh sb="10" eb="12">
      <t>コウワン</t>
    </rPh>
    <rPh sb="12" eb="14">
      <t>ホアン</t>
    </rPh>
    <rPh sb="14" eb="16">
      <t>タイサク</t>
    </rPh>
    <rPh sb="16" eb="18">
      <t>ジギョウ</t>
    </rPh>
    <phoneticPr fontId="4"/>
  </si>
  <si>
    <t>使用料・手数料の改定等</t>
    <rPh sb="0" eb="3">
      <t>シヨウリョウ</t>
    </rPh>
    <rPh sb="4" eb="7">
      <t>テスウリョウ</t>
    </rPh>
    <rPh sb="8" eb="10">
      <t>カイテイ</t>
    </rPh>
    <rPh sb="10" eb="11">
      <t>トウ</t>
    </rPh>
    <phoneticPr fontId="7"/>
  </si>
  <si>
    <t>（歳入予算一覧中、備考欄に「※」の記載があるもの）</t>
    <phoneticPr fontId="7"/>
  </si>
  <si>
    <t>項目</t>
    <rPh sb="0" eb="2">
      <t>コウモク</t>
    </rPh>
    <phoneticPr fontId="4"/>
  </si>
  <si>
    <t>現行</t>
    <rPh sb="0" eb="2">
      <t>ゲンコウ</t>
    </rPh>
    <phoneticPr fontId="4"/>
  </si>
  <si>
    <t>改定後</t>
    <rPh sb="0" eb="2">
      <t>カイテイ</t>
    </rPh>
    <rPh sb="2" eb="3">
      <t>ゴ</t>
    </rPh>
    <phoneticPr fontId="4"/>
  </si>
  <si>
    <t>6年度増収額
〔平年度化〕</t>
    <phoneticPr fontId="4"/>
  </si>
  <si>
    <t>概要</t>
    <rPh sb="0" eb="2">
      <t>ガイヨウ</t>
    </rPh>
    <phoneticPr fontId="4"/>
  </si>
  <si>
    <t>≪一般会計≫</t>
    <rPh sb="1" eb="3">
      <t>イッパン</t>
    </rPh>
    <rPh sb="3" eb="5">
      <t>カイケイ</t>
    </rPh>
    <phoneticPr fontId="7"/>
  </si>
  <si>
    <t>　道路法施行令の改正（令和5年4月施行）に合わせて電柱等の単価を改定します。</t>
    <rPh sb="1" eb="3">
      <t>ドウロ</t>
    </rPh>
    <rPh sb="3" eb="4">
      <t>ホウ</t>
    </rPh>
    <rPh sb="4" eb="7">
      <t>シコウレイ</t>
    </rPh>
    <rPh sb="8" eb="10">
      <t>カイセイ</t>
    </rPh>
    <rPh sb="11" eb="13">
      <t>レイワ</t>
    </rPh>
    <rPh sb="14" eb="15">
      <t>ネン</t>
    </rPh>
    <rPh sb="16" eb="17">
      <t>ガツ</t>
    </rPh>
    <rPh sb="17" eb="19">
      <t>シコウ</t>
    </rPh>
    <rPh sb="21" eb="22">
      <t>ア</t>
    </rPh>
    <rPh sb="25" eb="27">
      <t>デンチュウ</t>
    </rPh>
    <rPh sb="27" eb="28">
      <t>トウ</t>
    </rPh>
    <rPh sb="29" eb="31">
      <t>タンカ</t>
    </rPh>
    <rPh sb="32" eb="34">
      <t>カイテイ</t>
    </rPh>
    <phoneticPr fontId="4"/>
  </si>
  <si>
    <t>≪下水道事業会計≫</t>
    <phoneticPr fontId="4"/>
  </si>
  <si>
    <t>道路占用料等</t>
    <rPh sb="0" eb="2">
      <t>ドウロ</t>
    </rPh>
    <rPh sb="2" eb="4">
      <t>センヨウ</t>
    </rPh>
    <rPh sb="4" eb="5">
      <t>リョウ</t>
    </rPh>
    <rPh sb="5" eb="6">
      <t>トウ</t>
    </rPh>
    <phoneticPr fontId="4"/>
  </si>
  <si>
    <t>電柱</t>
    <rPh sb="0" eb="2">
      <t>デンチュウ</t>
    </rPh>
    <phoneticPr fontId="4"/>
  </si>
  <si>
    <t>7,000円/本・年</t>
    <rPh sb="5" eb="6">
      <t>エン</t>
    </rPh>
    <rPh sb="7" eb="8">
      <t>ホン</t>
    </rPh>
    <rPh sb="9" eb="10">
      <t>ネン</t>
    </rPh>
    <phoneticPr fontId="4"/>
  </si>
  <si>
    <t>8,000円/本・年</t>
    <rPh sb="5" eb="6">
      <t>エン</t>
    </rPh>
    <rPh sb="7" eb="8">
      <t>ホン</t>
    </rPh>
    <rPh sb="9" eb="10">
      <t>ネン</t>
    </rPh>
    <phoneticPr fontId="4"/>
  </si>
  <si>
    <t>1,191百万円
〔1,191百万円〕</t>
    <phoneticPr fontId="4"/>
  </si>
  <si>
    <t>管路（外径1.0m以上）</t>
    <rPh sb="0" eb="2">
      <t>カンロ</t>
    </rPh>
    <rPh sb="3" eb="5">
      <t>ガイケイ</t>
    </rPh>
    <rPh sb="9" eb="11">
      <t>イジョウ</t>
    </rPh>
    <phoneticPr fontId="4"/>
  </si>
  <si>
    <t>4,900円/m・年</t>
    <rPh sb="5" eb="6">
      <t>エン</t>
    </rPh>
    <rPh sb="9" eb="10">
      <t>ネン</t>
    </rPh>
    <phoneticPr fontId="4"/>
  </si>
  <si>
    <t>5,600円/m・年</t>
    <rPh sb="5" eb="6">
      <t>エン</t>
    </rPh>
    <rPh sb="9" eb="10">
      <t>ネン</t>
    </rPh>
    <phoneticPr fontId="4"/>
  </si>
  <si>
    <t>など</t>
    <phoneticPr fontId="4"/>
  </si>
  <si>
    <t>（令和6年4月から）</t>
    <rPh sb="1" eb="3">
      <t>レイワ</t>
    </rPh>
    <rPh sb="4" eb="5">
      <t>ネン</t>
    </rPh>
    <rPh sb="6" eb="7">
      <t>ガツ</t>
    </rPh>
    <phoneticPr fontId="4"/>
  </si>
  <si>
    <t>７年度</t>
    <rPh sb="1" eb="3">
      <t>ネンド</t>
    </rPh>
    <phoneticPr fontId="4"/>
  </si>
  <si>
    <t>2目　建物売却代</t>
    <phoneticPr fontId="4"/>
  </si>
  <si>
    <t>1節　不用建物</t>
    <rPh sb="1" eb="2">
      <t>セツ</t>
    </rPh>
    <rPh sb="3" eb="5">
      <t>フヨウ</t>
    </rPh>
    <rPh sb="5" eb="7">
      <t>タテモノ</t>
    </rPh>
    <phoneticPr fontId="2"/>
  </si>
  <si>
    <t>公害防止対策事業に対する負担金等</t>
    <rPh sb="0" eb="2">
      <t>コウガイ</t>
    </rPh>
    <rPh sb="2" eb="4">
      <t>ボウシ</t>
    </rPh>
    <rPh sb="4" eb="6">
      <t>タイサク</t>
    </rPh>
    <rPh sb="6" eb="8">
      <t>ジギョウ</t>
    </rPh>
    <rPh sb="9" eb="10">
      <t>タイ</t>
    </rPh>
    <rPh sb="12" eb="15">
      <t>フタンキン</t>
    </rPh>
    <rPh sb="15" eb="16">
      <t>トウ</t>
    </rPh>
    <phoneticPr fontId="0"/>
  </si>
  <si>
    <t>行政財産の目的外使用料等</t>
    <rPh sb="0" eb="2">
      <t>ギョウセイ</t>
    </rPh>
    <rPh sb="2" eb="4">
      <t>ザイサン</t>
    </rPh>
    <rPh sb="5" eb="7">
      <t>モクテキ</t>
    </rPh>
    <rPh sb="7" eb="8">
      <t>ガイ</t>
    </rPh>
    <rPh sb="8" eb="10">
      <t>シヨウ</t>
    </rPh>
    <rPh sb="10" eb="11">
      <t>リョウ</t>
    </rPh>
    <rPh sb="11" eb="12">
      <t>トウ</t>
    </rPh>
    <phoneticPr fontId="4"/>
  </si>
  <si>
    <t>不用建物売却代</t>
    <rPh sb="0" eb="2">
      <t>フヨウ</t>
    </rPh>
    <rPh sb="2" eb="4">
      <t>タテモノ</t>
    </rPh>
    <phoneticPr fontId="2"/>
  </si>
  <si>
    <t>道路占用許可に係る手数料</t>
    <rPh sb="2" eb="4">
      <t>センヨウ</t>
    </rPh>
    <rPh sb="4" eb="6">
      <t>キョカ</t>
    </rPh>
    <rPh sb="7" eb="8">
      <t>カカ</t>
    </rPh>
    <rPh sb="9" eb="12">
      <t>テスウリョウ</t>
    </rPh>
    <phoneticPr fontId="4"/>
  </si>
  <si>
    <t>23目　都市整備事業基金繰入金</t>
    <rPh sb="2" eb="3">
      <t>モク</t>
    </rPh>
    <rPh sb="4" eb="6">
      <t>トシ</t>
    </rPh>
    <rPh sb="6" eb="8">
      <t>セイビ</t>
    </rPh>
    <rPh sb="8" eb="10">
      <t>ジギョウ</t>
    </rPh>
    <rPh sb="10" eb="12">
      <t>キキン</t>
    </rPh>
    <rPh sb="12" eb="14">
      <t>クリイレ</t>
    </rPh>
    <rPh sb="14" eb="15">
      <t>キン</t>
    </rPh>
    <phoneticPr fontId="4"/>
  </si>
  <si>
    <t>大阪港振興関係事業に対する寄附金</t>
    <rPh sb="10" eb="11">
      <t>タイ</t>
    </rPh>
    <phoneticPr fontId="0"/>
  </si>
  <si>
    <t>８年度</t>
    <rPh sb="1" eb="3">
      <t>ネンド</t>
    </rPh>
    <phoneticPr fontId="4"/>
  </si>
  <si>
    <t>15款　使用料及手数料</t>
    <rPh sb="2" eb="3">
      <t>カン</t>
    </rPh>
    <rPh sb="4" eb="7">
      <t>シヨウリョウ</t>
    </rPh>
    <rPh sb="7" eb="8">
      <t>オヨ</t>
    </rPh>
    <rPh sb="8" eb="11">
      <t>テスウリョウ</t>
    </rPh>
    <phoneticPr fontId="4"/>
  </si>
  <si>
    <t>16款　国庫支出金</t>
    <rPh sb="2" eb="3">
      <t>カン</t>
    </rPh>
    <rPh sb="4" eb="6">
      <t>コッコ</t>
    </rPh>
    <rPh sb="6" eb="9">
      <t>シシュツキン</t>
    </rPh>
    <phoneticPr fontId="4"/>
  </si>
  <si>
    <t>17款　府支出金</t>
    <rPh sb="2" eb="3">
      <t>カン</t>
    </rPh>
    <rPh sb="4" eb="5">
      <t>フ</t>
    </rPh>
    <rPh sb="5" eb="8">
      <t>シシュツキン</t>
    </rPh>
    <phoneticPr fontId="4"/>
  </si>
  <si>
    <t>8目　港湾費府補助金</t>
    <rPh sb="1" eb="2">
      <t>モク</t>
    </rPh>
    <rPh sb="3" eb="5">
      <t>コウワン</t>
    </rPh>
    <rPh sb="5" eb="6">
      <t>ヒ</t>
    </rPh>
    <rPh sb="6" eb="7">
      <t>フ</t>
    </rPh>
    <rPh sb="7" eb="10">
      <t>ホジョキン</t>
    </rPh>
    <phoneticPr fontId="4"/>
  </si>
  <si>
    <t>18款　財産収入</t>
    <rPh sb="2" eb="3">
      <t>カン</t>
    </rPh>
    <rPh sb="4" eb="6">
      <t>ザイサン</t>
    </rPh>
    <rPh sb="6" eb="8">
      <t>シュウニュウ</t>
    </rPh>
    <phoneticPr fontId="4"/>
  </si>
  <si>
    <t>2目　蓄積基金利子</t>
    <rPh sb="1" eb="2">
      <t>モク</t>
    </rPh>
    <rPh sb="3" eb="5">
      <t>チクセキ</t>
    </rPh>
    <rPh sb="5" eb="7">
      <t>キキン</t>
    </rPh>
    <rPh sb="7" eb="9">
      <t>リシ</t>
    </rPh>
    <phoneticPr fontId="4"/>
  </si>
  <si>
    <t>19款　財産売却代</t>
    <rPh sb="2" eb="3">
      <t>カン</t>
    </rPh>
    <rPh sb="4" eb="6">
      <t>ザイサン</t>
    </rPh>
    <rPh sb="6" eb="8">
      <t>バイキャク</t>
    </rPh>
    <rPh sb="8" eb="9">
      <t>ダイ</t>
    </rPh>
    <phoneticPr fontId="4"/>
  </si>
  <si>
    <t>20款　寄附金</t>
    <rPh sb="2" eb="3">
      <t>カン</t>
    </rPh>
    <phoneticPr fontId="4"/>
  </si>
  <si>
    <t>21款　繰入金</t>
    <rPh sb="2" eb="3">
      <t>カン</t>
    </rPh>
    <rPh sb="4" eb="6">
      <t>クリイレ</t>
    </rPh>
    <rPh sb="6" eb="7">
      <t>キン</t>
    </rPh>
    <phoneticPr fontId="4"/>
  </si>
  <si>
    <t>20目　大阪港振興基金繰入金</t>
    <rPh sb="2" eb="3">
      <t>モク</t>
    </rPh>
    <rPh sb="4" eb="7">
      <t>オオサカコウ</t>
    </rPh>
    <rPh sb="7" eb="9">
      <t>シンコウ</t>
    </rPh>
    <rPh sb="9" eb="11">
      <t>キキン</t>
    </rPh>
    <rPh sb="11" eb="13">
      <t>クリイレ</t>
    </rPh>
    <rPh sb="13" eb="14">
      <t>キン</t>
    </rPh>
    <phoneticPr fontId="4"/>
  </si>
  <si>
    <t>23款　諸収入</t>
    <rPh sb="2" eb="3">
      <t>カン</t>
    </rPh>
    <rPh sb="4" eb="5">
      <t>ショ</t>
    </rPh>
    <rPh sb="5" eb="7">
      <t>シュウニュウ</t>
    </rPh>
    <phoneticPr fontId="4"/>
  </si>
  <si>
    <t>12節　大阪港埠頭株式会社貸付金元利収入</t>
    <rPh sb="2" eb="3">
      <t>セツ</t>
    </rPh>
    <rPh sb="4" eb="7">
      <t>オオサカコウ</t>
    </rPh>
    <rPh sb="7" eb="9">
      <t>フトウ</t>
    </rPh>
    <rPh sb="9" eb="11">
      <t>カブシキ</t>
    </rPh>
    <rPh sb="11" eb="13">
      <t>カイシャ</t>
    </rPh>
    <rPh sb="13" eb="15">
      <t>カシツケ</t>
    </rPh>
    <rPh sb="15" eb="16">
      <t>キン</t>
    </rPh>
    <rPh sb="16" eb="18">
      <t>ガンリ</t>
    </rPh>
    <rPh sb="18" eb="20">
      <t>シュウニュウ</t>
    </rPh>
    <phoneticPr fontId="4"/>
  </si>
  <si>
    <t>13節　夢洲コンテナターミナル株式会社貸付金元利収入</t>
    <rPh sb="2" eb="3">
      <t>セツ</t>
    </rPh>
    <rPh sb="4" eb="6">
      <t>ユメシマ</t>
    </rPh>
    <rPh sb="15" eb="17">
      <t>カブシキ</t>
    </rPh>
    <rPh sb="17" eb="19">
      <t>カイシャ</t>
    </rPh>
    <rPh sb="19" eb="21">
      <t>カシツケ</t>
    </rPh>
    <rPh sb="21" eb="22">
      <t>キン</t>
    </rPh>
    <rPh sb="22" eb="24">
      <t>ガンリ</t>
    </rPh>
    <rPh sb="24" eb="26">
      <t>シュウニュウ</t>
    </rPh>
    <phoneticPr fontId="4"/>
  </si>
  <si>
    <t>14節　阪神国際港湾株式会社貸付金元利収入</t>
    <rPh sb="2" eb="3">
      <t>セツ</t>
    </rPh>
    <rPh sb="4" eb="6">
      <t>ハンシン</t>
    </rPh>
    <rPh sb="6" eb="8">
      <t>コクサイ</t>
    </rPh>
    <rPh sb="8" eb="10">
      <t>コウワン</t>
    </rPh>
    <rPh sb="10" eb="14">
      <t>カブシキガイシャ</t>
    </rPh>
    <rPh sb="14" eb="16">
      <t>カシツケ</t>
    </rPh>
    <rPh sb="16" eb="17">
      <t>キン</t>
    </rPh>
    <rPh sb="17" eb="19">
      <t>ガンリ</t>
    </rPh>
    <rPh sb="19" eb="21">
      <t>シュウニュウ</t>
    </rPh>
    <phoneticPr fontId="4"/>
  </si>
  <si>
    <t>14目　港湾環境整備事業収入</t>
    <rPh sb="2" eb="3">
      <t>モク</t>
    </rPh>
    <rPh sb="4" eb="6">
      <t>コウワン</t>
    </rPh>
    <rPh sb="6" eb="8">
      <t>カンキョウ</t>
    </rPh>
    <rPh sb="8" eb="10">
      <t>セイビ</t>
    </rPh>
    <rPh sb="10" eb="12">
      <t>ジギョウ</t>
    </rPh>
    <rPh sb="12" eb="14">
      <t>シュウニュウ</t>
    </rPh>
    <phoneticPr fontId="4"/>
  </si>
  <si>
    <t>20目　過年度収入</t>
    <rPh sb="2" eb="3">
      <t>モク</t>
    </rPh>
    <rPh sb="4" eb="7">
      <t>カネンド</t>
    </rPh>
    <rPh sb="7" eb="9">
      <t>シュウニュウ</t>
    </rPh>
    <phoneticPr fontId="4"/>
  </si>
  <si>
    <t>21目　雑収</t>
    <rPh sb="2" eb="3">
      <t>モク</t>
    </rPh>
    <rPh sb="4" eb="5">
      <t>ザツ</t>
    </rPh>
    <rPh sb="5" eb="6">
      <t>シュウ</t>
    </rPh>
    <phoneticPr fontId="4"/>
  </si>
  <si>
    <t>24款　市債</t>
    <rPh sb="2" eb="3">
      <t>カン</t>
    </rPh>
    <rPh sb="4" eb="6">
      <t>シサイ</t>
    </rPh>
    <phoneticPr fontId="4"/>
  </si>
  <si>
    <t>（港湾整備費補助金）</t>
    <phoneticPr fontId="0"/>
  </si>
  <si>
    <t>（訪日外国人旅行者周遊促進事業に対する補助金）</t>
    <phoneticPr fontId="0"/>
  </si>
  <si>
    <t>（新島2-1区事業継承費）</t>
    <rPh sb="1" eb="2">
      <t>シン</t>
    </rPh>
    <rPh sb="2" eb="3">
      <t>トウ</t>
    </rPh>
    <rPh sb="6" eb="7">
      <t>ク</t>
    </rPh>
    <rPh sb="7" eb="9">
      <t>ジギョウ</t>
    </rPh>
    <rPh sb="9" eb="11">
      <t>ケイショウ</t>
    </rPh>
    <rPh sb="11" eb="12">
      <t>ヒ</t>
    </rPh>
    <phoneticPr fontId="4"/>
  </si>
  <si>
    <t>（大阪市高速電気軌道（株）負担金）</t>
    <rPh sb="1" eb="4">
      <t>オオサカシ</t>
    </rPh>
    <rPh sb="4" eb="6">
      <t>コウソク</t>
    </rPh>
    <rPh sb="6" eb="8">
      <t>デンキ</t>
    </rPh>
    <rPh sb="8" eb="10">
      <t>キドウ</t>
    </rPh>
    <rPh sb="11" eb="12">
      <t>カブ</t>
    </rPh>
    <rPh sb="13" eb="16">
      <t>フタンキン</t>
    </rPh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△ &quot;#,##0"/>
    <numFmt numFmtId="177" formatCode="0;;;@"/>
  </numFmts>
  <fonts count="36"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sz val="10"/>
      <name val="ＭＳ Ｐゴシック"/>
      <family val="3"/>
      <charset val="128"/>
      <scheme val="minor"/>
    </font>
    <font>
      <sz val="12"/>
      <name val="ＭＳ ゴシック"/>
      <family val="3"/>
      <charset val="128"/>
    </font>
    <font>
      <sz val="10.5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u/>
      <sz val="10.5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u/>
      <sz val="10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  <font>
      <b/>
      <sz val="10"/>
      <name val="ＭＳ Ｐゴシック"/>
      <family val="3"/>
      <charset val="128"/>
      <scheme val="minor"/>
    </font>
    <font>
      <sz val="1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1"/>
      <color theme="1"/>
      <name val="ＭＳ Ｐ明朝"/>
      <family val="1"/>
      <charset val="128"/>
    </font>
    <font>
      <sz val="18"/>
      <name val="ＭＳ Ｐ明朝"/>
      <family val="1"/>
      <charset val="128"/>
    </font>
    <font>
      <sz val="10"/>
      <name val="ＭＳ Ｐ明朝"/>
      <family val="1"/>
      <charset val="128"/>
    </font>
    <font>
      <b/>
      <sz val="18"/>
      <color rgb="FFFF0000"/>
      <name val="ＭＳ Ｐ明朝"/>
      <family val="1"/>
      <charset val="128"/>
    </font>
    <font>
      <sz val="9"/>
      <color theme="1"/>
      <name val="HGS創英角ｺﾞｼｯｸUB"/>
      <family val="3"/>
      <charset val="128"/>
    </font>
    <font>
      <sz val="14"/>
      <color indexed="8"/>
      <name val="ＭＳ 明朝"/>
      <family val="1"/>
      <charset val="128"/>
    </font>
    <font>
      <sz val="14"/>
      <name val="ＭＳ Ｐ明朝"/>
      <family val="1"/>
      <charset val="128"/>
    </font>
    <font>
      <sz val="14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11"/>
      <name val="ＭＳ Ｐ明朝"/>
      <family val="1"/>
      <charset val="128"/>
    </font>
    <font>
      <sz val="9"/>
      <name val="ＭＳ Ｐ明朝"/>
      <family val="1"/>
      <charset val="128"/>
    </font>
    <font>
      <sz val="10.5"/>
      <color rgb="FFFF000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32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</borders>
  <cellStyleXfs count="11">
    <xf numFmtId="0" fontId="0" fillId="0" borderId="0"/>
    <xf numFmtId="0" fontId="5" fillId="0" borderId="0"/>
    <xf numFmtId="38" fontId="8" fillId="0" borderId="0" applyFont="0" applyFill="0" applyBorder="0" applyAlignment="0" applyProtection="0"/>
    <xf numFmtId="0" fontId="8" fillId="0" borderId="0"/>
    <xf numFmtId="0" fontId="3" fillId="0" borderId="0">
      <alignment vertical="center"/>
    </xf>
    <xf numFmtId="38" fontId="8" fillId="0" borderId="0" applyFont="0" applyFill="0" applyBorder="0" applyAlignment="0" applyProtection="0"/>
    <xf numFmtId="0" fontId="1" fillId="0" borderId="0">
      <alignment vertical="center"/>
    </xf>
    <xf numFmtId="38" fontId="10" fillId="0" borderId="0" applyFont="0" applyFill="0" applyBorder="0" applyAlignment="0" applyProtection="0">
      <alignment vertical="center"/>
    </xf>
    <xf numFmtId="0" fontId="10" fillId="0" borderId="0"/>
    <xf numFmtId="38" fontId="10" fillId="0" borderId="0" applyFont="0" applyFill="0" applyBorder="0" applyAlignment="0" applyProtection="0">
      <alignment vertical="center"/>
    </xf>
    <xf numFmtId="0" fontId="26" fillId="0" borderId="0">
      <alignment vertical="center"/>
    </xf>
  </cellStyleXfs>
  <cellXfs count="190">
    <xf numFmtId="0" fontId="0" fillId="0" borderId="0" xfId="0"/>
    <xf numFmtId="38" fontId="11" fillId="0" borderId="9" xfId="2" applyFont="1" applyFill="1" applyBorder="1" applyAlignment="1">
      <alignment horizontal="left" vertical="center" wrapText="1"/>
    </xf>
    <xf numFmtId="38" fontId="11" fillId="0" borderId="1" xfId="2" applyFont="1" applyFill="1" applyBorder="1" applyAlignment="1">
      <alignment horizontal="left" vertical="center" wrapText="1"/>
    </xf>
    <xf numFmtId="38" fontId="11" fillId="0" borderId="4" xfId="2" applyFont="1" applyFill="1" applyBorder="1" applyAlignment="1">
      <alignment horizontal="left" vertical="center" wrapText="1"/>
    </xf>
    <xf numFmtId="49" fontId="11" fillId="0" borderId="3" xfId="1" applyNumberFormat="1" applyFont="1" applyFill="1" applyBorder="1" applyAlignment="1">
      <alignment horizontal="center" vertical="center" wrapText="1"/>
    </xf>
    <xf numFmtId="0" fontId="11" fillId="0" borderId="9" xfId="1" applyFont="1" applyFill="1" applyBorder="1" applyAlignment="1">
      <alignment horizontal="left" vertical="center" wrapText="1"/>
    </xf>
    <xf numFmtId="176" fontId="13" fillId="0" borderId="9" xfId="1" applyNumberFormat="1" applyFont="1" applyFill="1" applyBorder="1" applyAlignment="1">
      <alignment horizontal="right" vertical="center" shrinkToFit="1"/>
    </xf>
    <xf numFmtId="176" fontId="13" fillId="0" borderId="1" xfId="1" applyNumberFormat="1" applyFont="1" applyFill="1" applyBorder="1" applyAlignment="1">
      <alignment horizontal="right" vertical="center" shrinkToFit="1"/>
    </xf>
    <xf numFmtId="0" fontId="9" fillId="0" borderId="11" xfId="1" applyFont="1" applyFill="1" applyBorder="1" applyAlignment="1">
      <alignment horizontal="left" vertical="center"/>
    </xf>
    <xf numFmtId="0" fontId="11" fillId="0" borderId="28" xfId="3" applyFont="1" applyFill="1" applyBorder="1" applyAlignment="1">
      <alignment vertical="center"/>
    </xf>
    <xf numFmtId="0" fontId="13" fillId="0" borderId="0" xfId="1" applyFont="1" applyFill="1" applyAlignment="1">
      <alignment horizontal="center" vertical="center"/>
    </xf>
    <xf numFmtId="0" fontId="13" fillId="0" borderId="0" xfId="1" applyFont="1" applyFill="1" applyAlignment="1">
      <alignment vertical="center"/>
    </xf>
    <xf numFmtId="0" fontId="14" fillId="0" borderId="0" xfId="1" applyFont="1" applyFill="1" applyAlignment="1">
      <alignment horizontal="center" vertical="center" wrapText="1"/>
    </xf>
    <xf numFmtId="177" fontId="13" fillId="0" borderId="0" xfId="1" applyNumberFormat="1" applyFont="1" applyFill="1" applyAlignment="1">
      <alignment vertical="center"/>
    </xf>
    <xf numFmtId="49" fontId="11" fillId="0" borderId="1" xfId="1" applyNumberFormat="1" applyFont="1" applyFill="1" applyBorder="1" applyAlignment="1">
      <alignment vertical="center" wrapText="1"/>
    </xf>
    <xf numFmtId="0" fontId="11" fillId="0" borderId="1" xfId="1" applyFont="1" applyFill="1" applyBorder="1" applyAlignment="1">
      <alignment horizontal="left" vertical="center" wrapText="1"/>
    </xf>
    <xf numFmtId="0" fontId="9" fillId="0" borderId="2" xfId="1" applyFont="1" applyFill="1" applyBorder="1" applyAlignment="1">
      <alignment horizontal="left" vertical="center"/>
    </xf>
    <xf numFmtId="0" fontId="11" fillId="0" borderId="27" xfId="3" applyFont="1" applyFill="1" applyBorder="1" applyAlignment="1">
      <alignment vertical="center"/>
    </xf>
    <xf numFmtId="0" fontId="11" fillId="0" borderId="17" xfId="1" applyFont="1" applyFill="1" applyBorder="1" applyAlignment="1">
      <alignment horizontal="center" vertical="center" shrinkToFit="1"/>
    </xf>
    <xf numFmtId="49" fontId="11" fillId="0" borderId="6" xfId="1" applyNumberFormat="1" applyFont="1" applyFill="1" applyBorder="1" applyAlignment="1">
      <alignment horizontal="center" vertical="center" wrapText="1"/>
    </xf>
    <xf numFmtId="49" fontId="11" fillId="0" borderId="4" xfId="1" applyNumberFormat="1" applyFont="1" applyFill="1" applyBorder="1" applyAlignment="1">
      <alignment horizontal="center" vertical="center" wrapText="1"/>
    </xf>
    <xf numFmtId="49" fontId="11" fillId="0" borderId="9" xfId="1" applyNumberFormat="1" applyFont="1" applyFill="1" applyBorder="1" applyAlignment="1">
      <alignment vertical="center" wrapText="1"/>
    </xf>
    <xf numFmtId="49" fontId="11" fillId="0" borderId="1" xfId="1" applyNumberFormat="1" applyFont="1" applyFill="1" applyBorder="1" applyAlignment="1">
      <alignment horizontal="center" vertical="center" wrapText="1"/>
    </xf>
    <xf numFmtId="49" fontId="11" fillId="0" borderId="5" xfId="1" applyNumberFormat="1" applyFont="1" applyFill="1" applyBorder="1" applyAlignment="1">
      <alignment horizontal="center" vertical="center" wrapText="1"/>
    </xf>
    <xf numFmtId="176" fontId="13" fillId="0" borderId="4" xfId="1" applyNumberFormat="1" applyFont="1" applyFill="1" applyBorder="1" applyAlignment="1">
      <alignment horizontal="right" vertical="center" shrinkToFit="1"/>
    </xf>
    <xf numFmtId="49" fontId="11" fillId="0" borderId="5" xfId="1" applyNumberFormat="1" applyFont="1" applyFill="1" applyBorder="1" applyAlignment="1">
      <alignment vertical="center" wrapText="1"/>
    </xf>
    <xf numFmtId="49" fontId="11" fillId="0" borderId="9" xfId="1" applyNumberFormat="1" applyFont="1" applyFill="1" applyBorder="1" applyAlignment="1">
      <alignment horizontal="center" vertical="center" wrapText="1"/>
    </xf>
    <xf numFmtId="0" fontId="11" fillId="0" borderId="19" xfId="1" applyFont="1" applyFill="1" applyBorder="1" applyAlignment="1">
      <alignment horizontal="left" vertical="center" wrapText="1"/>
    </xf>
    <xf numFmtId="176" fontId="13" fillId="0" borderId="19" xfId="1" applyNumberFormat="1" applyFont="1" applyFill="1" applyBorder="1" applyAlignment="1">
      <alignment horizontal="right" vertical="center" shrinkToFit="1"/>
    </xf>
    <xf numFmtId="0" fontId="12" fillId="0" borderId="0" xfId="1" applyFont="1" applyFill="1" applyAlignment="1">
      <alignment vertical="center"/>
    </xf>
    <xf numFmtId="49" fontId="13" fillId="0" borderId="0" xfId="1" applyNumberFormat="1" applyFont="1" applyFill="1" applyAlignment="1">
      <alignment vertical="center" wrapText="1"/>
    </xf>
    <xf numFmtId="0" fontId="9" fillId="0" borderId="0" xfId="1" applyFont="1" applyFill="1" applyAlignment="1">
      <alignment vertical="center" wrapText="1"/>
    </xf>
    <xf numFmtId="0" fontId="9" fillId="0" borderId="0" xfId="1" applyFont="1" applyFill="1" applyAlignment="1">
      <alignment horizontal="center" vertical="center" wrapText="1"/>
    </xf>
    <xf numFmtId="176" fontId="13" fillId="0" borderId="0" xfId="1" applyNumberFormat="1" applyFont="1" applyFill="1" applyAlignment="1">
      <alignment horizontal="center" vertical="center"/>
    </xf>
    <xf numFmtId="176" fontId="13" fillId="0" borderId="0" xfId="1" applyNumberFormat="1" applyFont="1" applyFill="1" applyAlignment="1">
      <alignment horizontal="right" vertical="center"/>
    </xf>
    <xf numFmtId="0" fontId="11" fillId="0" borderId="0" xfId="1" applyFont="1" applyFill="1" applyAlignment="1">
      <alignment horizontal="center" vertical="center"/>
    </xf>
    <xf numFmtId="0" fontId="13" fillId="0" borderId="0" xfId="1" applyFont="1" applyFill="1" applyAlignment="1">
      <alignment vertical="center" wrapText="1"/>
    </xf>
    <xf numFmtId="0" fontId="13" fillId="0" borderId="0" xfId="1" applyFont="1" applyFill="1" applyAlignment="1">
      <alignment horizontal="center" vertical="center" wrapText="1"/>
    </xf>
    <xf numFmtId="176" fontId="13" fillId="0" borderId="0" xfId="1" applyNumberFormat="1" applyFont="1" applyFill="1" applyAlignment="1">
      <alignment vertical="center"/>
    </xf>
    <xf numFmtId="0" fontId="11" fillId="0" borderId="0" xfId="1" applyFont="1" applyFill="1" applyAlignment="1">
      <alignment horizontal="left" vertical="center"/>
    </xf>
    <xf numFmtId="0" fontId="11" fillId="0" borderId="0" xfId="1" applyFont="1" applyFill="1" applyAlignment="1">
      <alignment vertical="center"/>
    </xf>
    <xf numFmtId="0" fontId="15" fillId="0" borderId="0" xfId="1" applyFont="1" applyFill="1" applyAlignment="1">
      <alignment horizontal="left" vertical="center"/>
    </xf>
    <xf numFmtId="0" fontId="15" fillId="0" borderId="0" xfId="1" applyFont="1" applyFill="1" applyAlignment="1">
      <alignment horizontal="left" vertical="center" wrapText="1"/>
    </xf>
    <xf numFmtId="0" fontId="15" fillId="0" borderId="0" xfId="1" applyFont="1" applyFill="1" applyAlignment="1">
      <alignment horizontal="center" vertical="center" wrapText="1"/>
    </xf>
    <xf numFmtId="176" fontId="15" fillId="0" borderId="0" xfId="1" applyNumberFormat="1" applyFont="1" applyFill="1" applyAlignment="1">
      <alignment horizontal="left" vertical="center"/>
    </xf>
    <xf numFmtId="49" fontId="13" fillId="0" borderId="0" xfId="1" applyNumberFormat="1" applyFont="1" applyFill="1" applyAlignment="1">
      <alignment vertical="center"/>
    </xf>
    <xf numFmtId="0" fontId="16" fillId="0" borderId="0" xfId="1" applyFont="1" applyFill="1" applyAlignment="1">
      <alignment horizontal="right" vertical="center"/>
    </xf>
    <xf numFmtId="0" fontId="17" fillId="0" borderId="0" xfId="1" applyFont="1" applyFill="1" applyAlignment="1">
      <alignment horizontal="right" vertical="center"/>
    </xf>
    <xf numFmtId="0" fontId="18" fillId="0" borderId="0" xfId="1" applyFont="1" applyFill="1" applyAlignment="1">
      <alignment horizontal="center" vertical="center" wrapText="1"/>
    </xf>
    <xf numFmtId="176" fontId="18" fillId="0" borderId="0" xfId="1" applyNumberFormat="1" applyFont="1" applyFill="1" applyAlignment="1">
      <alignment horizontal="right" vertical="center" wrapText="1"/>
    </xf>
    <xf numFmtId="176" fontId="14" fillId="0" borderId="0" xfId="1" applyNumberFormat="1" applyFont="1" applyFill="1" applyAlignment="1">
      <alignment horizontal="right" vertical="center"/>
    </xf>
    <xf numFmtId="0" fontId="19" fillId="0" borderId="0" xfId="1" applyFont="1" applyFill="1" applyAlignment="1">
      <alignment horizontal="left" vertical="center"/>
    </xf>
    <xf numFmtId="0" fontId="11" fillId="0" borderId="14" xfId="1" applyFont="1" applyFill="1" applyBorder="1" applyAlignment="1">
      <alignment horizontal="center" vertical="center"/>
    </xf>
    <xf numFmtId="0" fontId="20" fillId="0" borderId="21" xfId="1" applyFont="1" applyFill="1" applyBorder="1" applyAlignment="1">
      <alignment horizontal="distributed" vertical="center" justifyLastLine="1"/>
    </xf>
    <xf numFmtId="176" fontId="11" fillId="0" borderId="16" xfId="1" applyNumberFormat="1" applyFont="1" applyFill="1" applyBorder="1" applyAlignment="1">
      <alignment horizontal="distributed" vertical="center" justifyLastLine="1"/>
    </xf>
    <xf numFmtId="0" fontId="11" fillId="0" borderId="15" xfId="1" applyFont="1" applyFill="1" applyBorder="1" applyAlignment="1">
      <alignment horizontal="center" vertical="center"/>
    </xf>
    <xf numFmtId="0" fontId="20" fillId="0" borderId="1" xfId="1" applyFont="1" applyFill="1" applyBorder="1" applyAlignment="1">
      <alignment horizontal="distributed" vertical="center" justifyLastLine="1"/>
    </xf>
    <xf numFmtId="176" fontId="11" fillId="0" borderId="1" xfId="1" applyNumberFormat="1" applyFont="1" applyFill="1" applyBorder="1" applyAlignment="1">
      <alignment horizontal="center" vertical="center"/>
    </xf>
    <xf numFmtId="176" fontId="11" fillId="0" borderId="28" xfId="1" applyNumberFormat="1" applyFont="1" applyFill="1" applyBorder="1" applyAlignment="1">
      <alignment horizontal="right" vertical="center" shrinkToFit="1"/>
    </xf>
    <xf numFmtId="176" fontId="11" fillId="0" borderId="27" xfId="1" applyNumberFormat="1" applyFont="1" applyFill="1" applyBorder="1" applyAlignment="1">
      <alignment horizontal="right" vertical="center" shrinkToFit="1"/>
    </xf>
    <xf numFmtId="0" fontId="9" fillId="0" borderId="23" xfId="1" applyFont="1" applyFill="1" applyBorder="1" applyAlignment="1">
      <alignment horizontal="left" vertical="center"/>
    </xf>
    <xf numFmtId="176" fontId="11" fillId="0" borderId="30" xfId="1" applyNumberFormat="1" applyFont="1" applyFill="1" applyBorder="1" applyAlignment="1">
      <alignment horizontal="right" vertical="center" shrinkToFit="1"/>
    </xf>
    <xf numFmtId="0" fontId="9" fillId="0" borderId="20" xfId="1" applyFont="1" applyFill="1" applyBorder="1" applyAlignment="1">
      <alignment horizontal="left" vertical="center"/>
    </xf>
    <xf numFmtId="0" fontId="11" fillId="0" borderId="29" xfId="3" applyFont="1" applyFill="1" applyBorder="1" applyAlignment="1">
      <alignment vertical="center"/>
    </xf>
    <xf numFmtId="0" fontId="11" fillId="0" borderId="4" xfId="1" applyFont="1" applyFill="1" applyBorder="1" applyAlignment="1">
      <alignment horizontal="left" vertical="center" wrapText="1"/>
    </xf>
    <xf numFmtId="176" fontId="13" fillId="0" borderId="3" xfId="1" applyNumberFormat="1" applyFont="1" applyFill="1" applyBorder="1" applyAlignment="1">
      <alignment horizontal="right" vertical="center" shrinkToFit="1"/>
    </xf>
    <xf numFmtId="0" fontId="11" fillId="0" borderId="30" xfId="3" applyFont="1" applyFill="1" applyBorder="1" applyAlignment="1">
      <alignment vertical="center"/>
    </xf>
    <xf numFmtId="0" fontId="11" fillId="0" borderId="31" xfId="1" applyFont="1" applyFill="1" applyBorder="1" applyAlignment="1">
      <alignment horizontal="center" vertical="center" shrinkToFit="1"/>
    </xf>
    <xf numFmtId="0" fontId="13" fillId="0" borderId="0" xfId="1" applyFont="1" applyFill="1" applyAlignment="1">
      <alignment horizontal="left" vertical="center"/>
    </xf>
    <xf numFmtId="0" fontId="21" fillId="0" borderId="0" xfId="0" applyFont="1" applyAlignment="1">
      <alignment vertical="center"/>
    </xf>
    <xf numFmtId="0" fontId="22" fillId="0" borderId="0" xfId="0" applyFont="1" applyAlignment="1">
      <alignment vertical="center"/>
    </xf>
    <xf numFmtId="0" fontId="23" fillId="0" borderId="0" xfId="0" applyFont="1" applyAlignment="1">
      <alignment vertical="center"/>
    </xf>
    <xf numFmtId="0" fontId="24" fillId="0" borderId="0" xfId="0" applyFont="1" applyAlignment="1">
      <alignment vertical="center"/>
    </xf>
    <xf numFmtId="0" fontId="25" fillId="0" borderId="0" xfId="0" applyFont="1" applyAlignment="1">
      <alignment vertical="center" shrinkToFit="1"/>
    </xf>
    <xf numFmtId="0" fontId="27" fillId="0" borderId="0" xfId="10" applyFont="1">
      <alignment vertical="center"/>
    </xf>
    <xf numFmtId="0" fontId="28" fillId="0" borderId="0" xfId="0" applyFont="1" applyAlignment="1">
      <alignment vertical="center"/>
    </xf>
    <xf numFmtId="0" fontId="29" fillId="0" borderId="0" xfId="0" applyFont="1" applyAlignment="1">
      <alignment horizontal="left" vertical="center"/>
    </xf>
    <xf numFmtId="0" fontId="29" fillId="0" borderId="0" xfId="0" applyFont="1" applyAlignment="1">
      <alignment vertical="center"/>
    </xf>
    <xf numFmtId="3" fontId="28" fillId="0" borderId="0" xfId="0" applyNumberFormat="1" applyFont="1" applyAlignment="1">
      <alignment vertical="center" shrinkToFit="1"/>
    </xf>
    <xf numFmtId="0" fontId="28" fillId="0" borderId="0" xfId="0" applyFont="1" applyAlignment="1">
      <alignment vertical="center" shrinkToFit="1"/>
    </xf>
    <xf numFmtId="38" fontId="29" fillId="0" borderId="0" xfId="7" applyFont="1" applyFill="1" applyBorder="1" applyAlignment="1">
      <alignment vertical="center"/>
    </xf>
    <xf numFmtId="0" fontId="28" fillId="0" borderId="0" xfId="0" applyFont="1" applyAlignment="1">
      <alignment horizontal="left" vertical="center" wrapText="1"/>
    </xf>
    <xf numFmtId="0" fontId="22" fillId="0" borderId="9" xfId="0" applyFont="1" applyBorder="1" applyAlignment="1">
      <alignment vertical="center"/>
    </xf>
    <xf numFmtId="0" fontId="22" fillId="0" borderId="23" xfId="0" applyFont="1" applyBorder="1" applyAlignment="1">
      <alignment vertical="center"/>
    </xf>
    <xf numFmtId="0" fontId="22" fillId="0" borderId="24" xfId="0" applyFont="1" applyBorder="1" applyAlignment="1">
      <alignment vertical="center"/>
    </xf>
    <xf numFmtId="0" fontId="22" fillId="0" borderId="6" xfId="0" applyFont="1" applyBorder="1" applyAlignment="1">
      <alignment vertical="center"/>
    </xf>
    <xf numFmtId="38" fontId="22" fillId="0" borderId="23" xfId="9" applyFont="1" applyFill="1" applyBorder="1" applyAlignment="1">
      <alignment vertical="center" wrapText="1"/>
    </xf>
    <xf numFmtId="38" fontId="22" fillId="0" borderId="24" xfId="9" applyFont="1" applyFill="1" applyBorder="1" applyAlignment="1">
      <alignment vertical="center"/>
    </xf>
    <xf numFmtId="38" fontId="22" fillId="0" borderId="6" xfId="9" applyFont="1" applyFill="1" applyBorder="1" applyAlignment="1">
      <alignment vertical="center"/>
    </xf>
    <xf numFmtId="0" fontId="22" fillId="0" borderId="0" xfId="0" applyFont="1"/>
    <xf numFmtId="0" fontId="22" fillId="0" borderId="10" xfId="0" applyFont="1" applyBorder="1" applyAlignment="1">
      <alignment vertical="center"/>
    </xf>
    <xf numFmtId="38" fontId="22" fillId="0" borderId="5" xfId="9" applyFont="1" applyFill="1" applyBorder="1" applyAlignment="1">
      <alignment vertical="center"/>
    </xf>
    <xf numFmtId="38" fontId="22" fillId="0" borderId="0" xfId="9" applyFont="1" applyFill="1" applyBorder="1" applyAlignment="1">
      <alignment vertical="center"/>
    </xf>
    <xf numFmtId="38" fontId="22" fillId="0" borderId="10" xfId="9" applyFont="1" applyFill="1" applyBorder="1" applyAlignment="1">
      <alignment vertical="center"/>
    </xf>
    <xf numFmtId="0" fontId="33" fillId="0" borderId="0" xfId="0" applyFont="1" applyAlignment="1">
      <alignment vertical="center"/>
    </xf>
    <xf numFmtId="0" fontId="33" fillId="0" borderId="0" xfId="0" applyFont="1"/>
    <xf numFmtId="0" fontId="33" fillId="0" borderId="10" xfId="0" applyFont="1" applyBorder="1" applyAlignment="1">
      <alignment vertical="center"/>
    </xf>
    <xf numFmtId="38" fontId="33" fillId="0" borderId="5" xfId="9" applyFont="1" applyFill="1" applyBorder="1" applyAlignment="1">
      <alignment vertical="center" wrapText="1" shrinkToFit="1"/>
    </xf>
    <xf numFmtId="38" fontId="33" fillId="0" borderId="0" xfId="9" applyFont="1" applyFill="1" applyBorder="1" applyAlignment="1">
      <alignment vertical="center" wrapText="1" shrinkToFit="1"/>
    </xf>
    <xf numFmtId="38" fontId="33" fillId="0" borderId="10" xfId="9" applyFont="1" applyFill="1" applyBorder="1" applyAlignment="1">
      <alignment vertical="center" wrapText="1" shrinkToFit="1"/>
    </xf>
    <xf numFmtId="0" fontId="33" fillId="0" borderId="5" xfId="0" applyFont="1" applyBorder="1" applyAlignment="1">
      <alignment vertical="center"/>
    </xf>
    <xf numFmtId="0" fontId="33" fillId="0" borderId="0" xfId="0" applyFont="1" applyAlignment="1">
      <alignment horizontal="center"/>
    </xf>
    <xf numFmtId="3" fontId="33" fillId="0" borderId="0" xfId="0" applyNumberFormat="1" applyFont="1" applyAlignment="1">
      <alignment vertical="center" shrinkToFit="1"/>
    </xf>
    <xf numFmtId="0" fontId="33" fillId="0" borderId="0" xfId="0" applyFont="1" applyAlignment="1">
      <alignment vertical="center" shrinkToFit="1"/>
    </xf>
    <xf numFmtId="3" fontId="33" fillId="0" borderId="0" xfId="0" applyNumberFormat="1" applyFont="1" applyAlignment="1">
      <alignment vertical="center"/>
    </xf>
    <xf numFmtId="0" fontId="33" fillId="0" borderId="0" xfId="0" applyFont="1" applyAlignment="1">
      <alignment vertical="center" wrapText="1"/>
    </xf>
    <xf numFmtId="0" fontId="33" fillId="0" borderId="10" xfId="0" applyFont="1" applyBorder="1" applyAlignment="1">
      <alignment vertical="center" wrapText="1"/>
    </xf>
    <xf numFmtId="38" fontId="33" fillId="0" borderId="5" xfId="9" applyFont="1" applyFill="1" applyBorder="1" applyAlignment="1">
      <alignment vertical="center" shrinkToFit="1"/>
    </xf>
    <xf numFmtId="38" fontId="33" fillId="0" borderId="0" xfId="9" applyFont="1" applyFill="1" applyBorder="1" applyAlignment="1">
      <alignment vertical="center" shrinkToFit="1"/>
    </xf>
    <xf numFmtId="38" fontId="33" fillId="0" borderId="10" xfId="9" applyFont="1" applyFill="1" applyBorder="1" applyAlignment="1">
      <alignment vertical="center" shrinkToFit="1"/>
    </xf>
    <xf numFmtId="0" fontId="22" fillId="0" borderId="2" xfId="0" applyFont="1" applyBorder="1" applyAlignment="1">
      <alignment vertical="center"/>
    </xf>
    <xf numFmtId="0" fontId="22" fillId="0" borderId="7" xfId="0" applyFont="1" applyBorder="1" applyAlignment="1">
      <alignment vertical="center"/>
    </xf>
    <xf numFmtId="3" fontId="33" fillId="0" borderId="7" xfId="0" applyNumberFormat="1" applyFont="1" applyBorder="1" applyAlignment="1">
      <alignment vertical="center" shrinkToFit="1"/>
    </xf>
    <xf numFmtId="0" fontId="33" fillId="0" borderId="7" xfId="0" applyFont="1" applyBorder="1" applyAlignment="1">
      <alignment vertical="center" shrinkToFit="1"/>
    </xf>
    <xf numFmtId="3" fontId="33" fillId="0" borderId="7" xfId="0" applyNumberFormat="1" applyFont="1" applyBorder="1" applyAlignment="1">
      <alignment vertical="center"/>
    </xf>
    <xf numFmtId="0" fontId="22" fillId="0" borderId="8" xfId="0" applyFont="1" applyBorder="1" applyAlignment="1">
      <alignment vertical="center"/>
    </xf>
    <xf numFmtId="38" fontId="22" fillId="0" borderId="2" xfId="9" applyFont="1" applyFill="1" applyBorder="1" applyAlignment="1">
      <alignment vertical="center"/>
    </xf>
    <xf numFmtId="38" fontId="22" fillId="0" borderId="7" xfId="9" applyFont="1" applyFill="1" applyBorder="1" applyAlignment="1">
      <alignment vertical="center"/>
    </xf>
    <xf numFmtId="38" fontId="22" fillId="0" borderId="8" xfId="9" applyFont="1" applyFill="1" applyBorder="1" applyAlignment="1">
      <alignment vertical="center"/>
    </xf>
    <xf numFmtId="0" fontId="35" fillId="0" borderId="0" xfId="1" applyFont="1" applyFill="1" applyAlignment="1">
      <alignment vertical="center"/>
    </xf>
    <xf numFmtId="0" fontId="11" fillId="0" borderId="15" xfId="1" applyFont="1" applyFill="1" applyBorder="1" applyAlignment="1">
      <alignment horizontal="center" vertical="center" shrinkToFit="1"/>
    </xf>
    <xf numFmtId="49" fontId="11" fillId="0" borderId="13" xfId="1" applyNumberFormat="1" applyFont="1" applyFill="1" applyBorder="1" applyAlignment="1">
      <alignment vertical="center" wrapText="1"/>
    </xf>
    <xf numFmtId="49" fontId="11" fillId="0" borderId="8" xfId="1" applyNumberFormat="1" applyFont="1" applyFill="1" applyBorder="1" applyAlignment="1">
      <alignment vertical="center" wrapText="1"/>
    </xf>
    <xf numFmtId="0" fontId="0" fillId="0" borderId="0" xfId="0" applyFill="1"/>
    <xf numFmtId="49" fontId="11" fillId="0" borderId="23" xfId="1" applyNumberFormat="1" applyFont="1" applyFill="1" applyBorder="1" applyAlignment="1">
      <alignment vertical="center" wrapText="1"/>
    </xf>
    <xf numFmtId="49" fontId="11" fillId="0" borderId="6" xfId="1" applyNumberFormat="1" applyFont="1" applyFill="1" applyBorder="1" applyAlignment="1">
      <alignment vertical="center" wrapText="1"/>
    </xf>
    <xf numFmtId="49" fontId="11" fillId="0" borderId="2" xfId="1" applyNumberFormat="1" applyFont="1" applyFill="1" applyBorder="1" applyAlignment="1">
      <alignment vertical="center" wrapText="1"/>
    </xf>
    <xf numFmtId="49" fontId="11" fillId="0" borderId="8" xfId="1" applyNumberFormat="1" applyFont="1" applyFill="1" applyBorder="1" applyAlignment="1">
      <alignment vertical="center" wrapText="1"/>
    </xf>
    <xf numFmtId="49" fontId="11" fillId="0" borderId="11" xfId="1" applyNumberFormat="1" applyFont="1" applyFill="1" applyBorder="1" applyAlignment="1">
      <alignment vertical="center" wrapText="1"/>
    </xf>
    <xf numFmtId="49" fontId="11" fillId="0" borderId="12" xfId="1" applyNumberFormat="1" applyFont="1" applyFill="1" applyBorder="1" applyAlignment="1">
      <alignment vertical="center" wrapText="1"/>
    </xf>
    <xf numFmtId="49" fontId="11" fillId="0" borderId="13" xfId="1" applyNumberFormat="1" applyFont="1" applyFill="1" applyBorder="1" applyAlignment="1">
      <alignment vertical="center" wrapText="1"/>
    </xf>
    <xf numFmtId="49" fontId="11" fillId="0" borderId="24" xfId="1" applyNumberFormat="1" applyFont="1" applyFill="1" applyBorder="1" applyAlignment="1">
      <alignment vertical="center" wrapText="1"/>
    </xf>
    <xf numFmtId="49" fontId="11" fillId="0" borderId="7" xfId="1" applyNumberFormat="1" applyFont="1" applyFill="1" applyBorder="1" applyAlignment="1">
      <alignment vertical="center" wrapText="1"/>
    </xf>
    <xf numFmtId="0" fontId="11" fillId="0" borderId="18" xfId="1" applyFont="1" applyFill="1" applyBorder="1" applyAlignment="1">
      <alignment horizontal="center" vertical="center"/>
    </xf>
    <xf numFmtId="0" fontId="11" fillId="0" borderId="19" xfId="1" applyFont="1" applyFill="1" applyBorder="1" applyAlignment="1">
      <alignment horizontal="center" vertical="center"/>
    </xf>
    <xf numFmtId="49" fontId="11" fillId="0" borderId="11" xfId="1" applyNumberFormat="1" applyFont="1" applyFill="1" applyBorder="1" applyAlignment="1">
      <alignment horizontal="left" vertical="center" wrapText="1"/>
    </xf>
    <xf numFmtId="49" fontId="11" fillId="0" borderId="12" xfId="1" applyNumberFormat="1" applyFont="1" applyFill="1" applyBorder="1" applyAlignment="1">
      <alignment horizontal="left" vertical="center" wrapText="1"/>
    </xf>
    <xf numFmtId="49" fontId="11" fillId="0" borderId="13" xfId="1" applyNumberFormat="1" applyFont="1" applyFill="1" applyBorder="1" applyAlignment="1">
      <alignment horizontal="left" vertical="center" wrapText="1"/>
    </xf>
    <xf numFmtId="0" fontId="11" fillId="0" borderId="0" xfId="1" applyFont="1" applyFill="1" applyAlignment="1">
      <alignment horizontal="right" vertical="center"/>
    </xf>
    <xf numFmtId="0" fontId="16" fillId="0" borderId="0" xfId="1" applyFont="1" applyFill="1" applyAlignment="1">
      <alignment horizontal="right" vertical="center" wrapText="1"/>
    </xf>
    <xf numFmtId="49" fontId="11" fillId="0" borderId="22" xfId="1" applyNumberFormat="1" applyFont="1" applyFill="1" applyBorder="1" applyAlignment="1">
      <alignment horizontal="distributed" vertical="center" wrapText="1" justifyLastLine="1"/>
    </xf>
    <xf numFmtId="49" fontId="11" fillId="0" borderId="25" xfId="1" applyNumberFormat="1" applyFont="1" applyFill="1" applyBorder="1" applyAlignment="1">
      <alignment horizontal="distributed" vertical="center" wrapText="1" justifyLastLine="1"/>
    </xf>
    <xf numFmtId="49" fontId="11" fillId="0" borderId="21" xfId="1" applyNumberFormat="1" applyFont="1" applyFill="1" applyBorder="1" applyAlignment="1">
      <alignment horizontal="distributed" vertical="center" wrapText="1" justifyLastLine="1"/>
    </xf>
    <xf numFmtId="49" fontId="11" fillId="0" borderId="2" xfId="1" applyNumberFormat="1" applyFont="1" applyFill="1" applyBorder="1" applyAlignment="1">
      <alignment horizontal="distributed" vertical="center" wrapText="1" justifyLastLine="1"/>
    </xf>
    <xf numFmtId="49" fontId="11" fillId="0" borderId="7" xfId="1" applyNumberFormat="1" applyFont="1" applyFill="1" applyBorder="1" applyAlignment="1">
      <alignment horizontal="distributed" vertical="center" wrapText="1" justifyLastLine="1"/>
    </xf>
    <xf numFmtId="49" fontId="11" fillId="0" borderId="8" xfId="1" applyNumberFormat="1" applyFont="1" applyFill="1" applyBorder="1" applyAlignment="1">
      <alignment horizontal="distributed" vertical="center" wrapText="1" justifyLastLine="1"/>
    </xf>
    <xf numFmtId="0" fontId="11" fillId="0" borderId="16" xfId="1" applyFont="1" applyFill="1" applyBorder="1" applyAlignment="1">
      <alignment horizontal="distributed" vertical="center" wrapText="1" justifyLastLine="1"/>
    </xf>
    <xf numFmtId="0" fontId="11" fillId="0" borderId="1" xfId="1" applyFont="1" applyFill="1" applyBorder="1" applyAlignment="1">
      <alignment horizontal="distributed" vertical="center" wrapText="1" justifyLastLine="1"/>
    </xf>
    <xf numFmtId="0" fontId="11" fillId="0" borderId="22" xfId="1" applyFont="1" applyFill="1" applyBorder="1" applyAlignment="1">
      <alignment horizontal="distributed" vertical="center" justifyLastLine="1"/>
    </xf>
    <xf numFmtId="0" fontId="11" fillId="0" borderId="26" xfId="1" applyFont="1" applyFill="1" applyBorder="1" applyAlignment="1">
      <alignment horizontal="distributed" vertical="center" justifyLastLine="1"/>
    </xf>
    <xf numFmtId="0" fontId="11" fillId="0" borderId="2" xfId="1" applyFont="1" applyFill="1" applyBorder="1" applyAlignment="1">
      <alignment horizontal="distributed" vertical="center" justifyLastLine="1"/>
    </xf>
    <xf numFmtId="0" fontId="11" fillId="0" borderId="27" xfId="1" applyFont="1" applyFill="1" applyBorder="1" applyAlignment="1">
      <alignment horizontal="distributed" vertical="center" justifyLastLine="1"/>
    </xf>
    <xf numFmtId="0" fontId="11" fillId="0" borderId="11" xfId="1" applyFont="1" applyFill="1" applyBorder="1" applyAlignment="1">
      <alignment horizontal="left" vertical="center"/>
    </xf>
    <xf numFmtId="0" fontId="11" fillId="0" borderId="28" xfId="1" applyFont="1" applyFill="1" applyBorder="1" applyAlignment="1">
      <alignment horizontal="left" vertical="center"/>
    </xf>
    <xf numFmtId="0" fontId="30" fillId="0" borderId="11" xfId="0" applyFont="1" applyBorder="1" applyAlignment="1">
      <alignment horizontal="center" vertical="center"/>
    </xf>
    <xf numFmtId="0" fontId="30" fillId="0" borderId="12" xfId="0" applyFont="1" applyBorder="1" applyAlignment="1">
      <alignment horizontal="center" vertical="center"/>
    </xf>
    <xf numFmtId="0" fontId="30" fillId="0" borderId="13" xfId="0" applyFont="1" applyBorder="1" applyAlignment="1">
      <alignment horizontal="center" vertical="center"/>
    </xf>
    <xf numFmtId="0" fontId="22" fillId="0" borderId="4" xfId="0" applyFont="1" applyBorder="1" applyAlignment="1">
      <alignment horizontal="center" vertical="center"/>
    </xf>
    <xf numFmtId="0" fontId="22" fillId="0" borderId="3" xfId="0" applyFont="1" applyBorder="1" applyAlignment="1">
      <alignment horizontal="center" vertical="center"/>
    </xf>
    <xf numFmtId="0" fontId="22" fillId="0" borderId="1" xfId="0" applyFont="1" applyBorder="1" applyAlignment="1">
      <alignment horizontal="center" vertical="center"/>
    </xf>
    <xf numFmtId="0" fontId="32" fillId="0" borderId="23" xfId="0" applyFont="1" applyBorder="1"/>
    <xf numFmtId="0" fontId="32" fillId="0" borderId="24" xfId="0" applyFont="1" applyBorder="1"/>
    <xf numFmtId="0" fontId="32" fillId="0" borderId="6" xfId="0" applyFont="1" applyBorder="1"/>
    <xf numFmtId="0" fontId="33" fillId="0" borderId="23" xfId="0" applyFont="1" applyBorder="1" applyAlignment="1">
      <alignment vertical="center" wrapText="1"/>
    </xf>
    <xf numFmtId="0" fontId="33" fillId="0" borderId="24" xfId="0" applyFont="1" applyBorder="1" applyAlignment="1">
      <alignment vertical="center" wrapText="1"/>
    </xf>
    <xf numFmtId="0" fontId="33" fillId="0" borderId="6" xfId="0" applyFont="1" applyBorder="1" applyAlignment="1">
      <alignment vertical="center" wrapText="1"/>
    </xf>
    <xf numFmtId="0" fontId="33" fillId="0" borderId="5" xfId="0" applyFont="1" applyBorder="1" applyAlignment="1">
      <alignment vertical="center" wrapText="1"/>
    </xf>
    <xf numFmtId="0" fontId="33" fillId="0" borderId="0" xfId="0" applyFont="1" applyAlignment="1">
      <alignment vertical="center" wrapText="1"/>
    </xf>
    <xf numFmtId="0" fontId="33" fillId="0" borderId="10" xfId="0" applyFont="1" applyBorder="1" applyAlignment="1">
      <alignment vertical="center" wrapText="1"/>
    </xf>
    <xf numFmtId="0" fontId="33" fillId="0" borderId="2" xfId="0" applyFont="1" applyBorder="1" applyAlignment="1">
      <alignment vertical="center" wrapText="1"/>
    </xf>
    <xf numFmtId="0" fontId="33" fillId="0" borderId="7" xfId="0" applyFont="1" applyBorder="1" applyAlignment="1">
      <alignment vertical="center" wrapText="1"/>
    </xf>
    <xf numFmtId="0" fontId="33" fillId="0" borderId="8" xfId="0" applyFont="1" applyBorder="1" applyAlignment="1">
      <alignment vertical="center" wrapText="1"/>
    </xf>
    <xf numFmtId="0" fontId="32" fillId="0" borderId="5" xfId="0" applyFont="1" applyBorder="1" applyAlignment="1">
      <alignment horizontal="left" shrinkToFit="1"/>
    </xf>
    <xf numFmtId="0" fontId="32" fillId="0" borderId="0" xfId="0" applyFont="1" applyAlignment="1">
      <alignment horizontal="left" shrinkToFit="1"/>
    </xf>
    <xf numFmtId="0" fontId="32" fillId="0" borderId="10" xfId="0" applyFont="1" applyBorder="1" applyAlignment="1">
      <alignment horizontal="left" shrinkToFit="1"/>
    </xf>
    <xf numFmtId="0" fontId="33" fillId="0" borderId="5" xfId="0" applyFont="1" applyBorder="1" applyAlignment="1">
      <alignment horizontal="left" vertical="center"/>
    </xf>
    <xf numFmtId="0" fontId="33" fillId="0" borderId="0" xfId="0" applyFont="1" applyAlignment="1">
      <alignment horizontal="left" vertical="center"/>
    </xf>
    <xf numFmtId="0" fontId="33" fillId="0" borderId="10" xfId="0" applyFont="1" applyBorder="1" applyAlignment="1">
      <alignment horizontal="left" vertical="center"/>
    </xf>
    <xf numFmtId="38" fontId="34" fillId="0" borderId="5" xfId="9" applyFont="1" applyFill="1" applyBorder="1" applyAlignment="1">
      <alignment horizontal="center" vertical="center" wrapText="1" shrinkToFit="1"/>
    </xf>
    <xf numFmtId="38" fontId="34" fillId="0" borderId="0" xfId="9" applyFont="1" applyFill="1" applyBorder="1" applyAlignment="1">
      <alignment horizontal="center" vertical="center" wrapText="1" shrinkToFit="1"/>
    </xf>
    <xf numFmtId="38" fontId="34" fillId="0" borderId="10" xfId="9" applyFont="1" applyFill="1" applyBorder="1" applyAlignment="1">
      <alignment horizontal="center" vertical="center" wrapText="1" shrinkToFit="1"/>
    </xf>
    <xf numFmtId="0" fontId="22" fillId="0" borderId="2" xfId="0" applyFont="1" applyBorder="1" applyAlignment="1">
      <alignment horizontal="left" vertical="center"/>
    </xf>
    <xf numFmtId="0" fontId="22" fillId="0" borderId="7" xfId="0" applyFont="1" applyBorder="1" applyAlignment="1">
      <alignment horizontal="left" vertical="center"/>
    </xf>
    <xf numFmtId="0" fontId="22" fillId="0" borderId="8" xfId="0" applyFont="1" applyBorder="1" applyAlignment="1">
      <alignment horizontal="left" vertical="center"/>
    </xf>
    <xf numFmtId="0" fontId="30" fillId="0" borderId="11" xfId="0" applyFont="1" applyBorder="1" applyAlignment="1">
      <alignment horizontal="center" vertical="center" wrapText="1"/>
    </xf>
    <xf numFmtId="0" fontId="30" fillId="0" borderId="12" xfId="0" applyFont="1" applyBorder="1" applyAlignment="1">
      <alignment horizontal="center" vertical="center" wrapText="1"/>
    </xf>
    <xf numFmtId="0" fontId="30" fillId="0" borderId="13" xfId="0" applyFont="1" applyBorder="1" applyAlignment="1">
      <alignment horizontal="center" vertical="center" wrapText="1"/>
    </xf>
    <xf numFmtId="0" fontId="31" fillId="0" borderId="11" xfId="0" applyFont="1" applyBorder="1" applyAlignment="1">
      <alignment horizontal="center" vertical="center" wrapText="1"/>
    </xf>
    <xf numFmtId="0" fontId="31" fillId="0" borderId="12" xfId="0" applyFont="1" applyBorder="1" applyAlignment="1">
      <alignment horizontal="center" vertical="center" wrapText="1"/>
    </xf>
    <xf numFmtId="0" fontId="31" fillId="0" borderId="13" xfId="0" applyFont="1" applyBorder="1" applyAlignment="1">
      <alignment horizontal="center" vertical="center" wrapText="1"/>
    </xf>
  </cellXfs>
  <cellStyles count="11">
    <cellStyle name="桁区切り" xfId="9" builtinId="6"/>
    <cellStyle name="桁区切り 2" xfId="2" xr:uid="{00000000-0005-0000-0000-000000000000}"/>
    <cellStyle name="桁区切り 2 2" xfId="5" xr:uid="{00000000-0005-0000-0000-000001000000}"/>
    <cellStyle name="桁区切り 2 2 2" xfId="7" xr:uid="{00000000-0005-0000-0000-000002000000}"/>
    <cellStyle name="標準" xfId="0" builtinId="0"/>
    <cellStyle name="標準 2" xfId="3" xr:uid="{00000000-0005-0000-0000-000004000000}"/>
    <cellStyle name="標準 2 2" xfId="8" xr:uid="{00000000-0005-0000-0000-000005000000}"/>
    <cellStyle name="標準 2 2 2" xfId="10" xr:uid="{B6B49C87-7B72-4AB3-84DC-E4C3555369B9}"/>
    <cellStyle name="標準 3" xfId="4" xr:uid="{00000000-0005-0000-0000-000006000000}"/>
    <cellStyle name="標準 3 2" xfId="6" xr:uid="{00000000-0005-0000-0000-000007000000}"/>
    <cellStyle name="標準_③予算事業別調書(目次様式)" xfId="1" xr:uid="{00000000-0005-0000-0000-000008000000}"/>
  </cellStyles>
  <dxfs count="45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</dxfs>
  <tableStyles count="0" defaultTableStyle="TableStyleMedium2" defaultPivotStyle="PivotStyleMedium9"/>
  <colors>
    <mruColors>
      <color rgb="FF00FF00"/>
      <color rgb="FF0000FF"/>
      <color rgb="FFFF99FF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5</xdr:col>
      <xdr:colOff>76200</xdr:colOff>
      <xdr:row>7</xdr:row>
      <xdr:rowOff>28575</xdr:rowOff>
    </xdr:from>
    <xdr:to>
      <xdr:col>27</xdr:col>
      <xdr:colOff>89866</xdr:colOff>
      <xdr:row>8</xdr:row>
      <xdr:rowOff>12010</xdr:rowOff>
    </xdr:to>
    <xdr:sp macro="" textlink="">
      <xdr:nvSpPr>
        <xdr:cNvPr id="2" name="右矢印 5">
          <a:extLst>
            <a:ext uri="{FF2B5EF4-FFF2-40B4-BE49-F238E27FC236}">
              <a16:creationId xmlns:a16="http://schemas.microsoft.com/office/drawing/2014/main" id="{7DAA1E33-5880-409F-B13B-B41C985FF2FC}"/>
            </a:ext>
          </a:extLst>
        </xdr:cNvPr>
        <xdr:cNvSpPr/>
      </xdr:nvSpPr>
      <xdr:spPr>
        <a:xfrm>
          <a:off x="3200400" y="2152650"/>
          <a:ext cx="223216" cy="212035"/>
        </a:xfrm>
        <a:prstGeom prst="rightArrow">
          <a:avLst>
            <a:gd name="adj1" fmla="val 50000"/>
            <a:gd name="adj2" fmla="val 50000"/>
          </a:avLst>
        </a:prstGeom>
        <a:ln w="1270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5</xdr:col>
      <xdr:colOff>76200</xdr:colOff>
      <xdr:row>9</xdr:row>
      <xdr:rowOff>38100</xdr:rowOff>
    </xdr:from>
    <xdr:to>
      <xdr:col>27</xdr:col>
      <xdr:colOff>89866</xdr:colOff>
      <xdr:row>10</xdr:row>
      <xdr:rowOff>21535</xdr:rowOff>
    </xdr:to>
    <xdr:sp macro="" textlink="">
      <xdr:nvSpPr>
        <xdr:cNvPr id="3" name="右矢印 5">
          <a:extLst>
            <a:ext uri="{FF2B5EF4-FFF2-40B4-BE49-F238E27FC236}">
              <a16:creationId xmlns:a16="http://schemas.microsoft.com/office/drawing/2014/main" id="{AE35F544-B670-42D5-A3C5-85E0D4DF5F1B}"/>
            </a:ext>
          </a:extLst>
        </xdr:cNvPr>
        <xdr:cNvSpPr/>
      </xdr:nvSpPr>
      <xdr:spPr>
        <a:xfrm>
          <a:off x="3200400" y="2619375"/>
          <a:ext cx="223216" cy="212035"/>
        </a:xfrm>
        <a:prstGeom prst="rightArrow">
          <a:avLst>
            <a:gd name="adj1" fmla="val 50000"/>
            <a:gd name="adj2" fmla="val 50000"/>
          </a:avLst>
        </a:prstGeom>
        <a:ln w="1270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IF102C\OA-da0001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IF102C\OA-da0001$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Z93"/>
  <sheetViews>
    <sheetView tabSelected="1" view="pageBreakPreview" zoomScaleNormal="100" zoomScaleSheetLayoutView="100" workbookViewId="0">
      <pane ySplit="7" topLeftCell="A8" activePane="bottomLeft" state="frozen"/>
      <selection activeCell="BZ9" sqref="BZ9"/>
      <selection pane="bottomLeft"/>
    </sheetView>
  </sheetViews>
  <sheetFormatPr defaultColWidth="8.6640625" defaultRowHeight="18" customHeight="1"/>
  <cols>
    <col min="1" max="1" width="3.77734375" style="45" customWidth="1"/>
    <col min="2" max="4" width="1.21875" style="30" customWidth="1"/>
    <col min="5" max="5" width="25" style="30" customWidth="1"/>
    <col min="6" max="6" width="31.21875" style="37" customWidth="1"/>
    <col min="7" max="8" width="11.21875" style="33" customWidth="1"/>
    <col min="9" max="9" width="11.21875" style="38" customWidth="1"/>
    <col min="10" max="10" width="5" style="39" customWidth="1"/>
    <col min="11" max="11" width="5" style="40" customWidth="1"/>
    <col min="12" max="12" width="6.44140625" style="35" customWidth="1"/>
    <col min="13" max="13" width="3.88671875" style="10" customWidth="1"/>
    <col min="14" max="14" width="4" style="10" customWidth="1"/>
    <col min="15" max="15" width="3.88671875" style="10" customWidth="1"/>
    <col min="16" max="16" width="3.21875" style="10" customWidth="1"/>
    <col min="17" max="17" width="5" style="10" customWidth="1"/>
    <col min="18" max="19" width="8.6640625" style="11" customWidth="1"/>
    <col min="20" max="20" width="23.88671875" style="11" bestFit="1" customWidth="1"/>
    <col min="21" max="21" width="16.109375" style="68" bestFit="1" customWidth="1"/>
    <col min="22" max="26" width="8.6640625" style="11" customWidth="1"/>
    <col min="27" max="27" width="8.6640625" style="12" customWidth="1"/>
    <col min="28" max="32" width="8.6640625" style="11" customWidth="1"/>
    <col min="33" max="37" width="8.6640625" style="13" customWidth="1"/>
    <col min="38" max="38" width="22.88671875" style="13" customWidth="1"/>
    <col min="39" max="198" width="8.6640625" style="11" customWidth="1"/>
    <col min="199" max="16384" width="8.6640625" style="11"/>
  </cols>
  <sheetData>
    <row r="1" spans="1:52" ht="18" customHeight="1">
      <c r="A1" s="29" t="s">
        <v>56</v>
      </c>
      <c r="C1" s="31"/>
      <c r="D1" s="31"/>
      <c r="E1" s="31"/>
      <c r="F1" s="32"/>
      <c r="I1" s="34"/>
      <c r="J1" s="138"/>
      <c r="K1" s="138"/>
      <c r="V1"/>
      <c r="W1"/>
      <c r="X1"/>
      <c r="Y1"/>
      <c r="Z1"/>
      <c r="AA1"/>
      <c r="AB1"/>
    </row>
    <row r="2" spans="1:52" ht="14.25" customHeight="1">
      <c r="A2" s="11"/>
      <c r="C2" s="36"/>
      <c r="D2" s="36"/>
      <c r="E2" s="36"/>
      <c r="L2"/>
      <c r="M2"/>
      <c r="N2"/>
      <c r="O2"/>
      <c r="P2"/>
      <c r="Q2"/>
      <c r="R2"/>
      <c r="S2"/>
      <c r="T2"/>
      <c r="U2"/>
      <c r="V2"/>
      <c r="W2"/>
      <c r="X2"/>
      <c r="Y2"/>
      <c r="Z2"/>
      <c r="AA2"/>
      <c r="AB2"/>
      <c r="AC2"/>
      <c r="AD2"/>
      <c r="AE2"/>
      <c r="AF2"/>
      <c r="AG2"/>
      <c r="AH2"/>
      <c r="AI2"/>
      <c r="AJ2"/>
      <c r="AK2"/>
      <c r="AL2"/>
      <c r="AM2"/>
      <c r="AN2"/>
      <c r="AO2"/>
      <c r="AP2"/>
      <c r="AQ2"/>
      <c r="AR2"/>
      <c r="AS2"/>
      <c r="AT2"/>
      <c r="AU2"/>
      <c r="AV2"/>
      <c r="AW2"/>
      <c r="AX2"/>
      <c r="AY2"/>
      <c r="AZ2"/>
    </row>
    <row r="3" spans="1:52" ht="13.2">
      <c r="A3" s="41"/>
      <c r="C3" s="42"/>
      <c r="D3" s="42"/>
      <c r="E3" s="42"/>
      <c r="F3" s="43"/>
      <c r="I3" s="44"/>
      <c r="L3"/>
      <c r="M3"/>
      <c r="N3"/>
      <c r="O3"/>
      <c r="P3"/>
      <c r="Q3"/>
      <c r="R3"/>
      <c r="S3"/>
      <c r="T3"/>
      <c r="U3"/>
      <c r="V3"/>
      <c r="W3"/>
      <c r="X3"/>
      <c r="Y3"/>
      <c r="Z3"/>
      <c r="AA3"/>
      <c r="AB3"/>
      <c r="AC3"/>
      <c r="AD3"/>
      <c r="AE3"/>
      <c r="AF3"/>
      <c r="AG3"/>
      <c r="AH3"/>
      <c r="AI3"/>
      <c r="AJ3"/>
      <c r="AK3"/>
      <c r="AL3"/>
      <c r="AM3"/>
      <c r="AN3"/>
      <c r="AO3"/>
      <c r="AP3"/>
      <c r="AQ3"/>
      <c r="AR3"/>
      <c r="AS3"/>
      <c r="AT3"/>
      <c r="AU3"/>
      <c r="AV3"/>
      <c r="AW3"/>
      <c r="AX3"/>
      <c r="AY3"/>
      <c r="AZ3"/>
    </row>
    <row r="4" spans="1:52" ht="15" customHeight="1">
      <c r="G4" s="139"/>
      <c r="H4" s="139"/>
      <c r="I4" s="46"/>
      <c r="K4" s="47" t="s">
        <v>83</v>
      </c>
      <c r="L4"/>
      <c r="M4"/>
      <c r="N4"/>
      <c r="O4"/>
      <c r="P4"/>
      <c r="Q4"/>
      <c r="R4"/>
      <c r="S4"/>
      <c r="T4"/>
      <c r="U4"/>
      <c r="V4"/>
      <c r="W4"/>
      <c r="X4"/>
      <c r="Y4"/>
      <c r="Z4"/>
      <c r="AA4"/>
      <c r="AB4"/>
      <c r="AC4"/>
      <c r="AD4"/>
      <c r="AE4"/>
      <c r="AF4"/>
      <c r="AG4"/>
      <c r="AH4"/>
      <c r="AI4"/>
      <c r="AJ4"/>
      <c r="AK4"/>
      <c r="AL4"/>
      <c r="AM4"/>
      <c r="AN4"/>
      <c r="AO4"/>
      <c r="AP4"/>
      <c r="AQ4"/>
      <c r="AR4"/>
      <c r="AS4"/>
      <c r="AT4"/>
      <c r="AU4"/>
      <c r="AV4"/>
      <c r="AW4"/>
      <c r="AX4"/>
      <c r="AY4"/>
      <c r="AZ4"/>
    </row>
    <row r="5" spans="1:52" ht="27.75" customHeight="1" thickBot="1">
      <c r="F5" s="48"/>
      <c r="G5" s="49"/>
      <c r="H5" s="49"/>
      <c r="I5" s="50"/>
      <c r="J5" s="51"/>
      <c r="K5" s="46" t="s">
        <v>62</v>
      </c>
      <c r="L5"/>
      <c r="M5"/>
      <c r="N5"/>
      <c r="O5"/>
      <c r="P5"/>
      <c r="Q5"/>
      <c r="R5"/>
      <c r="S5"/>
      <c r="T5"/>
      <c r="U5"/>
      <c r="V5"/>
      <c r="W5"/>
      <c r="X5"/>
      <c r="Y5"/>
      <c r="Z5"/>
      <c r="AA5"/>
      <c r="AB5"/>
      <c r="AC5"/>
      <c r="AD5"/>
      <c r="AE5"/>
      <c r="AF5"/>
      <c r="AG5"/>
      <c r="AH5"/>
      <c r="AI5"/>
      <c r="AJ5"/>
      <c r="AK5"/>
      <c r="AL5"/>
      <c r="AM5"/>
      <c r="AN5"/>
      <c r="AO5"/>
      <c r="AP5"/>
      <c r="AQ5"/>
      <c r="AR5"/>
      <c r="AS5"/>
      <c r="AT5"/>
      <c r="AU5"/>
      <c r="AV5"/>
      <c r="AW5"/>
      <c r="AX5"/>
      <c r="AY5"/>
      <c r="AZ5"/>
    </row>
    <row r="6" spans="1:52" ht="15" customHeight="1">
      <c r="A6" s="52" t="s">
        <v>50</v>
      </c>
      <c r="B6" s="140" t="s">
        <v>0</v>
      </c>
      <c r="C6" s="141"/>
      <c r="D6" s="141"/>
      <c r="E6" s="142"/>
      <c r="F6" s="146" t="s">
        <v>44</v>
      </c>
      <c r="G6" s="53" t="s">
        <v>119</v>
      </c>
      <c r="H6" s="53" t="s">
        <v>128</v>
      </c>
      <c r="I6" s="54" t="s">
        <v>1</v>
      </c>
      <c r="J6" s="148" t="s">
        <v>52</v>
      </c>
      <c r="K6" s="149"/>
      <c r="L6"/>
      <c r="M6"/>
      <c r="N6"/>
      <c r="O6"/>
      <c r="P6"/>
      <c r="Q6"/>
      <c r="R6"/>
      <c r="S6"/>
      <c r="T6"/>
      <c r="U6"/>
      <c r="V6"/>
      <c r="W6"/>
      <c r="X6"/>
      <c r="Y6"/>
      <c r="Z6"/>
      <c r="AA6"/>
      <c r="AB6"/>
      <c r="AC6"/>
      <c r="AD6"/>
      <c r="AE6"/>
      <c r="AF6"/>
      <c r="AG6"/>
      <c r="AH6"/>
      <c r="AI6"/>
      <c r="AJ6"/>
      <c r="AK6"/>
      <c r="AL6"/>
      <c r="AM6"/>
      <c r="AN6"/>
      <c r="AO6"/>
      <c r="AP6"/>
      <c r="AQ6"/>
      <c r="AR6"/>
      <c r="AS6"/>
      <c r="AT6"/>
      <c r="AU6"/>
      <c r="AV6"/>
      <c r="AW6"/>
      <c r="AX6"/>
      <c r="AY6"/>
      <c r="AZ6"/>
    </row>
    <row r="7" spans="1:52" ht="15" customHeight="1">
      <c r="A7" s="55" t="s">
        <v>51</v>
      </c>
      <c r="B7" s="143"/>
      <c r="C7" s="144"/>
      <c r="D7" s="144"/>
      <c r="E7" s="145"/>
      <c r="F7" s="147"/>
      <c r="G7" s="56" t="s">
        <v>79</v>
      </c>
      <c r="H7" s="56" t="s">
        <v>94</v>
      </c>
      <c r="I7" s="57" t="s">
        <v>49</v>
      </c>
      <c r="J7" s="150"/>
      <c r="K7" s="151"/>
      <c r="L7"/>
      <c r="M7"/>
      <c r="N7"/>
      <c r="O7"/>
      <c r="P7"/>
      <c r="Q7"/>
      <c r="R7"/>
      <c r="S7"/>
      <c r="T7"/>
      <c r="U7"/>
      <c r="V7"/>
      <c r="W7"/>
      <c r="X7"/>
      <c r="Y7"/>
      <c r="Z7"/>
      <c r="AA7"/>
      <c r="AB7"/>
      <c r="AC7"/>
      <c r="AD7"/>
      <c r="AE7"/>
      <c r="AF7"/>
      <c r="AG7"/>
      <c r="AH7"/>
      <c r="AI7"/>
      <c r="AJ7"/>
      <c r="AK7"/>
      <c r="AL7"/>
      <c r="AM7"/>
      <c r="AN7"/>
      <c r="AO7"/>
      <c r="AP7"/>
      <c r="AQ7"/>
      <c r="AR7"/>
      <c r="AS7"/>
      <c r="AT7"/>
      <c r="AU7"/>
      <c r="AV7"/>
      <c r="AW7"/>
      <c r="AX7"/>
      <c r="AY7"/>
      <c r="AZ7"/>
    </row>
    <row r="8" spans="1:52" ht="26.4" customHeight="1">
      <c r="A8" s="18">
        <v>1</v>
      </c>
      <c r="B8" s="128" t="s">
        <v>129</v>
      </c>
      <c r="C8" s="129"/>
      <c r="D8" s="129"/>
      <c r="E8" s="130"/>
      <c r="F8" s="1"/>
      <c r="G8" s="6">
        <f>SUM(G9,G16)</f>
        <v>4295418</v>
      </c>
      <c r="H8" s="6">
        <f>SUM(H9,H16)</f>
        <v>3900388</v>
      </c>
      <c r="I8" s="7">
        <f>+H8-G8</f>
        <v>-395030</v>
      </c>
      <c r="J8" s="8"/>
      <c r="K8" s="58"/>
      <c r="L8"/>
      <c r="M8"/>
      <c r="N8"/>
      <c r="O8"/>
      <c r="P8"/>
      <c r="Q8"/>
      <c r="R8"/>
      <c r="S8"/>
      <c r="T8"/>
      <c r="U8"/>
      <c r="V8"/>
      <c r="W8"/>
      <c r="X8"/>
      <c r="Y8"/>
      <c r="Z8"/>
      <c r="AA8"/>
      <c r="AB8"/>
      <c r="AC8"/>
      <c r="AD8"/>
      <c r="AE8"/>
      <c r="AF8"/>
      <c r="AG8"/>
      <c r="AH8"/>
      <c r="AI8"/>
      <c r="AJ8"/>
      <c r="AK8"/>
      <c r="AL8"/>
      <c r="AM8"/>
      <c r="AN8"/>
      <c r="AO8"/>
      <c r="AP8"/>
      <c r="AQ8"/>
      <c r="AR8"/>
      <c r="AS8"/>
      <c r="AT8"/>
      <c r="AU8"/>
      <c r="AV8"/>
      <c r="AW8"/>
      <c r="AX8"/>
      <c r="AY8"/>
      <c r="AZ8"/>
    </row>
    <row r="9" spans="1:52" ht="26.4" customHeight="1">
      <c r="A9" s="18">
        <f>A8+1</f>
        <v>2</v>
      </c>
      <c r="B9" s="19"/>
      <c r="C9" s="128" t="s">
        <v>2</v>
      </c>
      <c r="D9" s="129"/>
      <c r="E9" s="130"/>
      <c r="F9" s="1"/>
      <c r="G9" s="6">
        <f>SUM(G10)</f>
        <v>4294960</v>
      </c>
      <c r="H9" s="6">
        <f>SUM(H10)</f>
        <v>3899878</v>
      </c>
      <c r="I9" s="7">
        <f t="shared" ref="I9:I21" si="0">+H9-G9</f>
        <v>-395082</v>
      </c>
      <c r="J9" s="8"/>
      <c r="K9" s="9"/>
      <c r="L9"/>
      <c r="M9"/>
      <c r="N9"/>
      <c r="O9"/>
      <c r="P9"/>
      <c r="Q9"/>
      <c r="R9"/>
      <c r="S9"/>
      <c r="T9"/>
      <c r="U9"/>
      <c r="V9"/>
      <c r="W9"/>
      <c r="X9"/>
      <c r="Y9"/>
      <c r="Z9"/>
      <c r="AA9"/>
      <c r="AB9"/>
      <c r="AC9"/>
      <c r="AD9"/>
      <c r="AE9"/>
      <c r="AF9"/>
      <c r="AG9"/>
      <c r="AH9"/>
      <c r="AI9"/>
      <c r="AJ9"/>
      <c r="AK9"/>
      <c r="AL9"/>
      <c r="AM9"/>
      <c r="AN9"/>
      <c r="AO9"/>
      <c r="AP9"/>
      <c r="AQ9"/>
      <c r="AR9"/>
      <c r="AS9"/>
      <c r="AT9"/>
      <c r="AU9"/>
      <c r="AV9"/>
      <c r="AW9"/>
      <c r="AX9"/>
      <c r="AY9"/>
      <c r="AZ9"/>
    </row>
    <row r="10" spans="1:52" ht="26.4" customHeight="1">
      <c r="A10" s="18">
        <f t="shared" ref="A10:A74" si="1">A9+1</f>
        <v>3</v>
      </c>
      <c r="B10" s="4"/>
      <c r="C10" s="4"/>
      <c r="D10" s="128" t="s">
        <v>4</v>
      </c>
      <c r="E10" s="130"/>
      <c r="F10" s="5"/>
      <c r="G10" s="6">
        <f>SUM(G11:G15)</f>
        <v>4294960</v>
      </c>
      <c r="H10" s="6">
        <f>SUM(H11:H15)</f>
        <v>3899878</v>
      </c>
      <c r="I10" s="7">
        <f t="shared" si="0"/>
        <v>-395082</v>
      </c>
      <c r="J10" s="16"/>
      <c r="K10" s="9"/>
      <c r="L10"/>
      <c r="M10"/>
      <c r="N10"/>
      <c r="O10"/>
      <c r="P10"/>
      <c r="Q10"/>
      <c r="R10"/>
      <c r="S10"/>
      <c r="T10"/>
      <c r="U10"/>
      <c r="V10"/>
      <c r="W10"/>
      <c r="X10"/>
      <c r="Y10"/>
      <c r="Z10"/>
      <c r="AA10"/>
      <c r="AB10"/>
      <c r="AC10"/>
      <c r="AD10"/>
      <c r="AE10"/>
      <c r="AF10"/>
      <c r="AG10"/>
      <c r="AH10"/>
      <c r="AI10"/>
      <c r="AJ10"/>
      <c r="AK10"/>
      <c r="AL10"/>
      <c r="AM10"/>
      <c r="AN10"/>
      <c r="AO10"/>
      <c r="AP10"/>
      <c r="AQ10"/>
      <c r="AR10"/>
      <c r="AS10"/>
      <c r="AT10"/>
      <c r="AU10"/>
      <c r="AV10"/>
      <c r="AW10"/>
      <c r="AX10"/>
      <c r="AY10"/>
      <c r="AZ10"/>
    </row>
    <row r="11" spans="1:52" ht="26.4" customHeight="1">
      <c r="A11" s="18">
        <f t="shared" si="1"/>
        <v>4</v>
      </c>
      <c r="B11" s="4"/>
      <c r="C11" s="4"/>
      <c r="D11" s="20"/>
      <c r="E11" s="21" t="s">
        <v>63</v>
      </c>
      <c r="F11" s="21" t="s">
        <v>57</v>
      </c>
      <c r="G11" s="6">
        <v>141231</v>
      </c>
      <c r="H11" s="6">
        <v>130737</v>
      </c>
      <c r="I11" s="7">
        <f t="shared" si="0"/>
        <v>-10494</v>
      </c>
      <c r="J11" s="16"/>
      <c r="K11" s="9"/>
      <c r="L11"/>
      <c r="M11"/>
      <c r="N11"/>
      <c r="O11"/>
      <c r="P11"/>
      <c r="Q11"/>
      <c r="R11"/>
      <c r="S11"/>
      <c r="T11"/>
      <c r="U11"/>
      <c r="V11"/>
      <c r="W11"/>
      <c r="X11"/>
      <c r="Y11"/>
      <c r="Z11"/>
      <c r="AA11"/>
      <c r="AB11"/>
      <c r="AC11"/>
      <c r="AD11"/>
      <c r="AE11"/>
      <c r="AF11"/>
      <c r="AG11"/>
      <c r="AH11"/>
      <c r="AI11"/>
      <c r="AJ11"/>
      <c r="AK11"/>
      <c r="AL11"/>
      <c r="AM11"/>
      <c r="AN11"/>
      <c r="AO11"/>
      <c r="AP11"/>
      <c r="AQ11"/>
      <c r="AR11"/>
      <c r="AS11"/>
      <c r="AT11"/>
      <c r="AU11"/>
      <c r="AV11"/>
      <c r="AW11"/>
      <c r="AX11"/>
      <c r="AY11"/>
      <c r="AZ11"/>
    </row>
    <row r="12" spans="1:52" ht="26.4" customHeight="1">
      <c r="A12" s="18">
        <f t="shared" si="1"/>
        <v>5</v>
      </c>
      <c r="B12" s="4"/>
      <c r="C12" s="4"/>
      <c r="D12" s="4"/>
      <c r="E12" s="21" t="s">
        <v>64</v>
      </c>
      <c r="F12" s="21" t="s">
        <v>58</v>
      </c>
      <c r="G12" s="6">
        <v>3649641</v>
      </c>
      <c r="H12" s="6">
        <v>3242089</v>
      </c>
      <c r="I12" s="7">
        <f t="shared" si="0"/>
        <v>-407552</v>
      </c>
      <c r="J12" s="152"/>
      <c r="K12" s="153"/>
      <c r="L12"/>
      <c r="M12"/>
      <c r="N12"/>
      <c r="O12"/>
      <c r="P12"/>
      <c r="Q12"/>
      <c r="R12"/>
      <c r="S12"/>
      <c r="T12"/>
      <c r="U12"/>
      <c r="V12"/>
      <c r="W12"/>
      <c r="X12"/>
      <c r="Y12"/>
      <c r="Z12"/>
      <c r="AA12"/>
      <c r="AB12"/>
      <c r="AC12"/>
      <c r="AD12"/>
      <c r="AE12"/>
      <c r="AF12"/>
      <c r="AG12"/>
      <c r="AH12"/>
      <c r="AI12"/>
      <c r="AJ12"/>
      <c r="AK12"/>
      <c r="AL12"/>
      <c r="AM12"/>
      <c r="AN12"/>
      <c r="AO12"/>
      <c r="AP12"/>
      <c r="AQ12"/>
      <c r="AR12"/>
      <c r="AS12"/>
      <c r="AT12"/>
      <c r="AU12"/>
      <c r="AV12"/>
      <c r="AW12"/>
      <c r="AX12"/>
      <c r="AY12"/>
      <c r="AZ12"/>
    </row>
    <row r="13" spans="1:52" ht="26.4" customHeight="1">
      <c r="A13" s="18">
        <f t="shared" si="1"/>
        <v>6</v>
      </c>
      <c r="B13" s="4"/>
      <c r="C13" s="4"/>
      <c r="D13" s="4"/>
      <c r="E13" s="21" t="s">
        <v>65</v>
      </c>
      <c r="F13" s="21" t="s">
        <v>59</v>
      </c>
      <c r="G13" s="6">
        <v>1390</v>
      </c>
      <c r="H13" s="6">
        <v>468</v>
      </c>
      <c r="I13" s="7">
        <f t="shared" si="0"/>
        <v>-922</v>
      </c>
      <c r="J13" s="16"/>
      <c r="K13" s="9"/>
      <c r="L13"/>
      <c r="M13"/>
      <c r="N13"/>
      <c r="O13"/>
      <c r="P13"/>
      <c r="Q13"/>
      <c r="R13"/>
      <c r="S13"/>
      <c r="T13"/>
      <c r="U13"/>
      <c r="V13"/>
      <c r="W13"/>
      <c r="X13"/>
      <c r="Y13"/>
      <c r="Z13"/>
      <c r="AA13"/>
      <c r="AB13"/>
      <c r="AC13"/>
      <c r="AD13"/>
      <c r="AE13"/>
      <c r="AF13"/>
      <c r="AG13"/>
      <c r="AH13"/>
      <c r="AI13"/>
      <c r="AJ13"/>
      <c r="AK13"/>
      <c r="AL13"/>
      <c r="AM13"/>
      <c r="AN13"/>
      <c r="AO13"/>
      <c r="AP13"/>
      <c r="AQ13"/>
      <c r="AR13"/>
      <c r="AS13"/>
      <c r="AT13"/>
      <c r="AU13"/>
      <c r="AV13"/>
      <c r="AW13"/>
      <c r="AX13"/>
      <c r="AY13"/>
      <c r="AZ13"/>
    </row>
    <row r="14" spans="1:52" ht="26.4" customHeight="1">
      <c r="A14" s="18">
        <f t="shared" si="1"/>
        <v>7</v>
      </c>
      <c r="B14" s="4"/>
      <c r="C14" s="4"/>
      <c r="D14" s="4"/>
      <c r="E14" s="21" t="s">
        <v>66</v>
      </c>
      <c r="F14" s="21" t="s">
        <v>60</v>
      </c>
      <c r="G14" s="6">
        <v>147684</v>
      </c>
      <c r="H14" s="6">
        <v>146832</v>
      </c>
      <c r="I14" s="7">
        <f t="shared" si="0"/>
        <v>-852</v>
      </c>
      <c r="J14" s="16"/>
      <c r="K14" s="9"/>
      <c r="L14"/>
      <c r="M14"/>
      <c r="N14"/>
      <c r="O14"/>
      <c r="P14"/>
      <c r="Q14"/>
      <c r="R14"/>
      <c r="S14"/>
      <c r="T14"/>
      <c r="U14"/>
      <c r="V14"/>
      <c r="W14"/>
      <c r="X14"/>
      <c r="Y14"/>
      <c r="Z14"/>
      <c r="AA14"/>
      <c r="AB14"/>
      <c r="AC14"/>
      <c r="AD14"/>
      <c r="AE14"/>
      <c r="AF14"/>
      <c r="AG14"/>
      <c r="AH14"/>
      <c r="AI14"/>
      <c r="AJ14"/>
      <c r="AK14"/>
      <c r="AL14"/>
      <c r="AM14"/>
      <c r="AN14"/>
      <c r="AO14"/>
      <c r="AP14"/>
      <c r="AQ14"/>
      <c r="AR14"/>
      <c r="AS14"/>
      <c r="AT14"/>
      <c r="AU14"/>
      <c r="AV14"/>
      <c r="AW14"/>
      <c r="AX14"/>
      <c r="AY14"/>
      <c r="AZ14"/>
    </row>
    <row r="15" spans="1:52" ht="26.4" customHeight="1">
      <c r="A15" s="18">
        <f t="shared" si="1"/>
        <v>8</v>
      </c>
      <c r="B15" s="4"/>
      <c r="C15" s="22"/>
      <c r="D15" s="22"/>
      <c r="E15" s="21" t="s">
        <v>67</v>
      </c>
      <c r="F15" s="5" t="s">
        <v>123</v>
      </c>
      <c r="G15" s="6">
        <v>355014</v>
      </c>
      <c r="H15" s="6">
        <v>379752</v>
      </c>
      <c r="I15" s="7">
        <f t="shared" si="0"/>
        <v>24738</v>
      </c>
      <c r="J15" s="152"/>
      <c r="K15" s="153"/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</row>
    <row r="16" spans="1:52" ht="26.4" customHeight="1">
      <c r="A16" s="18">
        <f t="shared" si="1"/>
        <v>9</v>
      </c>
      <c r="B16" s="4"/>
      <c r="C16" s="126" t="s">
        <v>45</v>
      </c>
      <c r="D16" s="132"/>
      <c r="E16" s="130"/>
      <c r="F16" s="1"/>
      <c r="G16" s="6">
        <f>SUM(G17)</f>
        <v>458</v>
      </c>
      <c r="H16" s="6">
        <f>SUM(H17)</f>
        <v>510</v>
      </c>
      <c r="I16" s="7">
        <f t="shared" si="0"/>
        <v>52</v>
      </c>
      <c r="J16" s="16"/>
      <c r="K16" s="9"/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</row>
    <row r="17" spans="1:52" ht="26.4" customHeight="1">
      <c r="A17" s="18">
        <f t="shared" si="1"/>
        <v>10</v>
      </c>
      <c r="B17" s="4"/>
      <c r="C17" s="4"/>
      <c r="D17" s="128" t="s">
        <v>6</v>
      </c>
      <c r="E17" s="130"/>
      <c r="F17" s="5"/>
      <c r="G17" s="6">
        <f>SUM(G18:G19)</f>
        <v>458</v>
      </c>
      <c r="H17" s="6">
        <f>SUM(H18:H19)</f>
        <v>510</v>
      </c>
      <c r="I17" s="7">
        <f t="shared" si="0"/>
        <v>52</v>
      </c>
      <c r="J17" s="8"/>
      <c r="K17" s="9"/>
      <c r="L17"/>
      <c r="M17"/>
      <c r="N17"/>
      <c r="O17"/>
      <c r="P17"/>
      <c r="Q17"/>
      <c r="R17"/>
      <c r="S17"/>
      <c r="T17"/>
      <c r="U17"/>
      <c r="V17"/>
      <c r="W17"/>
      <c r="X17"/>
      <c r="Y17"/>
      <c r="Z17"/>
      <c r="AA17"/>
      <c r="AB17"/>
      <c r="AC17"/>
      <c r="AD17"/>
      <c r="AE17"/>
      <c r="AF17"/>
      <c r="AG17"/>
      <c r="AH17"/>
      <c r="AI17"/>
      <c r="AJ17"/>
      <c r="AK17"/>
      <c r="AL17"/>
      <c r="AM17"/>
      <c r="AN17"/>
      <c r="AO17"/>
      <c r="AP17"/>
      <c r="AQ17"/>
      <c r="AR17"/>
      <c r="AS17"/>
      <c r="AT17"/>
      <c r="AU17"/>
      <c r="AV17"/>
      <c r="AW17"/>
      <c r="AX17"/>
      <c r="AY17"/>
      <c r="AZ17"/>
    </row>
    <row r="18" spans="1:52" ht="26.4" customHeight="1">
      <c r="A18" s="18">
        <f t="shared" si="1"/>
        <v>11</v>
      </c>
      <c r="B18" s="4"/>
      <c r="C18" s="4"/>
      <c r="D18" s="4"/>
      <c r="E18" s="21" t="s">
        <v>5</v>
      </c>
      <c r="F18" s="5" t="s">
        <v>125</v>
      </c>
      <c r="G18" s="6">
        <v>435</v>
      </c>
      <c r="H18" s="6">
        <v>487</v>
      </c>
      <c r="I18" s="7">
        <f t="shared" si="0"/>
        <v>52</v>
      </c>
      <c r="J18" s="8"/>
      <c r="K18" s="9"/>
      <c r="L18"/>
      <c r="M18"/>
      <c r="N18"/>
      <c r="O18"/>
      <c r="P18"/>
      <c r="Q18"/>
      <c r="R18"/>
      <c r="S18"/>
      <c r="T18"/>
      <c r="U18"/>
      <c r="V18"/>
      <c r="W18"/>
      <c r="X18"/>
      <c r="Y18"/>
      <c r="Z18"/>
      <c r="AA18"/>
      <c r="AB18"/>
      <c r="AC18"/>
      <c r="AD18"/>
      <c r="AE18"/>
      <c r="AF18"/>
      <c r="AG18"/>
      <c r="AH18"/>
      <c r="AI18"/>
      <c r="AJ18"/>
      <c r="AK18"/>
      <c r="AL18"/>
      <c r="AM18"/>
      <c r="AN18"/>
      <c r="AO18"/>
      <c r="AP18"/>
      <c r="AQ18"/>
      <c r="AR18"/>
      <c r="AS18"/>
      <c r="AT18"/>
      <c r="AU18"/>
      <c r="AV18"/>
      <c r="AW18"/>
      <c r="AX18"/>
      <c r="AY18"/>
      <c r="AZ18"/>
    </row>
    <row r="19" spans="1:52" ht="26.4" customHeight="1">
      <c r="A19" s="18">
        <f t="shared" si="1"/>
        <v>12</v>
      </c>
      <c r="B19" s="22"/>
      <c r="C19" s="22"/>
      <c r="D19" s="22"/>
      <c r="E19" s="21" t="s">
        <v>7</v>
      </c>
      <c r="F19" s="21" t="s">
        <v>40</v>
      </c>
      <c r="G19" s="6">
        <v>23</v>
      </c>
      <c r="H19" s="6">
        <v>23</v>
      </c>
      <c r="I19" s="7">
        <f t="shared" si="0"/>
        <v>0</v>
      </c>
      <c r="J19" s="8"/>
      <c r="K19" s="9"/>
      <c r="L19"/>
      <c r="M19"/>
      <c r="N19"/>
      <c r="O19"/>
      <c r="P19"/>
      <c r="Q19"/>
      <c r="R19"/>
      <c r="S19"/>
      <c r="T19"/>
      <c r="U19"/>
      <c r="V19"/>
      <c r="W19"/>
      <c r="X19"/>
      <c r="Y19"/>
      <c r="Z19"/>
      <c r="AA19"/>
      <c r="AB19"/>
      <c r="AC19"/>
      <c r="AD19"/>
      <c r="AE19"/>
      <c r="AF19"/>
      <c r="AG19"/>
      <c r="AH19"/>
      <c r="AI19"/>
      <c r="AJ19"/>
      <c r="AK19"/>
      <c r="AL19"/>
      <c r="AM19"/>
      <c r="AN19"/>
      <c r="AO19"/>
      <c r="AP19"/>
      <c r="AQ19"/>
      <c r="AR19"/>
      <c r="AS19"/>
      <c r="AT19"/>
      <c r="AU19"/>
      <c r="AV19"/>
      <c r="AW19"/>
      <c r="AX19"/>
      <c r="AY19"/>
      <c r="AZ19"/>
    </row>
    <row r="20" spans="1:52" ht="26.4" customHeight="1">
      <c r="A20" s="18">
        <f t="shared" si="1"/>
        <v>13</v>
      </c>
      <c r="B20" s="126" t="s">
        <v>130</v>
      </c>
      <c r="C20" s="132"/>
      <c r="D20" s="132"/>
      <c r="E20" s="127"/>
      <c r="F20" s="2"/>
      <c r="G20" s="7">
        <f>SUM(G21,G24)</f>
        <v>864624</v>
      </c>
      <c r="H20" s="7">
        <f>SUM(H21,H24)</f>
        <v>981500</v>
      </c>
      <c r="I20" s="7">
        <f t="shared" si="0"/>
        <v>116876</v>
      </c>
      <c r="J20" s="16"/>
      <c r="K20" s="59"/>
      <c r="L20"/>
      <c r="M20"/>
      <c r="N20"/>
      <c r="O20"/>
      <c r="P20"/>
      <c r="Q20"/>
      <c r="R20"/>
      <c r="S20"/>
      <c r="T20"/>
      <c r="U20"/>
      <c r="V20"/>
      <c r="W20"/>
      <c r="X20"/>
      <c r="Y20"/>
      <c r="Z20"/>
      <c r="AA20"/>
      <c r="AB20"/>
      <c r="AC20"/>
      <c r="AD20"/>
      <c r="AE20"/>
      <c r="AF20"/>
      <c r="AG20"/>
      <c r="AH20"/>
      <c r="AI20"/>
      <c r="AJ20"/>
      <c r="AK20"/>
      <c r="AL20"/>
      <c r="AM20"/>
      <c r="AN20"/>
      <c r="AO20"/>
      <c r="AP20"/>
      <c r="AQ20"/>
      <c r="AR20"/>
      <c r="AS20"/>
      <c r="AT20"/>
      <c r="AU20"/>
      <c r="AV20"/>
      <c r="AW20"/>
      <c r="AX20"/>
      <c r="AY20"/>
      <c r="AZ20"/>
    </row>
    <row r="21" spans="1:52" ht="26.4" customHeight="1">
      <c r="A21" s="18">
        <f t="shared" si="1"/>
        <v>14</v>
      </c>
      <c r="B21" s="19"/>
      <c r="C21" s="128" t="s">
        <v>3</v>
      </c>
      <c r="D21" s="129"/>
      <c r="E21" s="130"/>
      <c r="F21" s="1"/>
      <c r="G21" s="6">
        <f t="shared" ref="G21:H21" si="2">SUM(G22)</f>
        <v>863500</v>
      </c>
      <c r="H21" s="6">
        <f t="shared" si="2"/>
        <v>980900</v>
      </c>
      <c r="I21" s="7">
        <f t="shared" si="0"/>
        <v>117400</v>
      </c>
      <c r="J21" s="8"/>
      <c r="K21" s="9"/>
      <c r="L21"/>
      <c r="M21"/>
      <c r="N21"/>
      <c r="O21"/>
      <c r="P21"/>
      <c r="Q21"/>
      <c r="R21"/>
      <c r="S21"/>
      <c r="T21"/>
      <c r="U21"/>
      <c r="V21"/>
      <c r="W21"/>
      <c r="X21"/>
      <c r="Y21"/>
      <c r="Z21"/>
      <c r="AA21"/>
      <c r="AB21"/>
      <c r="AC21"/>
      <c r="AD21"/>
      <c r="AE21"/>
      <c r="AF21"/>
      <c r="AG21"/>
      <c r="AH21"/>
      <c r="AI21"/>
      <c r="AJ21"/>
      <c r="AK21"/>
      <c r="AL21"/>
      <c r="AM21"/>
      <c r="AN21"/>
      <c r="AO21"/>
      <c r="AP21"/>
      <c r="AQ21"/>
      <c r="AR21"/>
      <c r="AS21"/>
      <c r="AT21"/>
      <c r="AU21"/>
      <c r="AV21"/>
      <c r="AW21"/>
      <c r="AX21"/>
      <c r="AY21"/>
      <c r="AZ21"/>
    </row>
    <row r="22" spans="1:52" ht="26.4" customHeight="1">
      <c r="A22" s="18">
        <f t="shared" si="1"/>
        <v>15</v>
      </c>
      <c r="B22" s="4"/>
      <c r="C22" s="4"/>
      <c r="D22" s="128" t="s">
        <v>78</v>
      </c>
      <c r="E22" s="130"/>
      <c r="F22" s="15"/>
      <c r="G22" s="7">
        <f>SUM(G23)</f>
        <v>863500</v>
      </c>
      <c r="H22" s="7">
        <f>SUM(H23)</f>
        <v>980900</v>
      </c>
      <c r="I22" s="7">
        <f t="shared" ref="I22:I68" si="3">+H22-G22</f>
        <v>117400</v>
      </c>
      <c r="J22" s="16"/>
      <c r="K22" s="17"/>
      <c r="L22"/>
      <c r="M22"/>
      <c r="N22"/>
      <c r="O22"/>
      <c r="P22"/>
      <c r="Q22"/>
      <c r="R22"/>
      <c r="S22"/>
      <c r="T22"/>
      <c r="U22"/>
      <c r="V22"/>
      <c r="W22"/>
      <c r="X22"/>
      <c r="Y22"/>
      <c r="Z22"/>
      <c r="AA22"/>
      <c r="AB22"/>
      <c r="AC22"/>
      <c r="AD22"/>
      <c r="AE22"/>
      <c r="AF22"/>
      <c r="AG22"/>
      <c r="AH22"/>
      <c r="AI22"/>
      <c r="AJ22"/>
      <c r="AK22"/>
      <c r="AL22"/>
      <c r="AM22"/>
      <c r="AN22"/>
      <c r="AO22"/>
      <c r="AP22"/>
      <c r="AQ22"/>
      <c r="AR22"/>
      <c r="AS22"/>
      <c r="AT22"/>
      <c r="AU22"/>
      <c r="AV22"/>
      <c r="AW22"/>
      <c r="AX22"/>
      <c r="AY22"/>
      <c r="AZ22"/>
    </row>
    <row r="23" spans="1:52" ht="26.4" customHeight="1">
      <c r="A23" s="18">
        <f t="shared" si="1"/>
        <v>16</v>
      </c>
      <c r="B23" s="4"/>
      <c r="C23" s="4"/>
      <c r="D23" s="4"/>
      <c r="E23" s="14" t="s">
        <v>68</v>
      </c>
      <c r="F23" s="14" t="s">
        <v>122</v>
      </c>
      <c r="G23" s="7">
        <v>863500</v>
      </c>
      <c r="H23" s="7">
        <v>980900</v>
      </c>
      <c r="I23" s="7">
        <f t="shared" si="3"/>
        <v>117400</v>
      </c>
      <c r="J23" s="16"/>
      <c r="K23" s="17"/>
      <c r="L23"/>
      <c r="M23"/>
      <c r="N23"/>
      <c r="O23"/>
      <c r="P23"/>
      <c r="Q23"/>
      <c r="R23"/>
      <c r="S23"/>
      <c r="T23"/>
      <c r="U23"/>
      <c r="V23"/>
      <c r="W23"/>
      <c r="X23"/>
      <c r="Y23"/>
      <c r="Z23"/>
      <c r="AA23"/>
      <c r="AB23"/>
      <c r="AC23"/>
      <c r="AD23"/>
      <c r="AE23"/>
      <c r="AF23"/>
      <c r="AG23"/>
      <c r="AH23"/>
      <c r="AI23"/>
      <c r="AJ23"/>
      <c r="AK23"/>
      <c r="AL23"/>
      <c r="AM23"/>
      <c r="AN23"/>
      <c r="AO23"/>
      <c r="AP23"/>
      <c r="AQ23"/>
      <c r="AR23"/>
      <c r="AS23"/>
      <c r="AT23"/>
      <c r="AU23"/>
      <c r="AV23"/>
      <c r="AW23"/>
      <c r="AX23"/>
      <c r="AY23"/>
      <c r="AZ23"/>
    </row>
    <row r="24" spans="1:52" ht="26.4" customHeight="1">
      <c r="A24" s="18">
        <f t="shared" si="1"/>
        <v>17</v>
      </c>
      <c r="B24" s="4"/>
      <c r="C24" s="128" t="s">
        <v>92</v>
      </c>
      <c r="D24" s="129"/>
      <c r="E24" s="130"/>
      <c r="F24" s="1"/>
      <c r="G24" s="6">
        <f>SUM(G25)</f>
        <v>1124</v>
      </c>
      <c r="H24" s="6">
        <f>SUM(H25)</f>
        <v>600</v>
      </c>
      <c r="I24" s="7">
        <f t="shared" si="3"/>
        <v>-524</v>
      </c>
      <c r="J24" s="8"/>
      <c r="K24" s="9"/>
      <c r="L24"/>
      <c r="M24"/>
      <c r="N24"/>
      <c r="O24"/>
      <c r="P24"/>
      <c r="Q24"/>
      <c r="R24"/>
      <c r="S24"/>
      <c r="T24"/>
      <c r="U24"/>
      <c r="V24"/>
      <c r="W24"/>
      <c r="X24"/>
      <c r="Y24"/>
      <c r="Z24"/>
      <c r="AA24"/>
      <c r="AB24"/>
      <c r="AC24"/>
      <c r="AD24"/>
      <c r="AE24"/>
      <c r="AF24"/>
      <c r="AG24"/>
      <c r="AH24"/>
      <c r="AI24"/>
      <c r="AJ24"/>
      <c r="AK24"/>
      <c r="AL24"/>
      <c r="AM24"/>
      <c r="AN24"/>
      <c r="AO24"/>
      <c r="AP24"/>
      <c r="AQ24"/>
      <c r="AR24"/>
      <c r="AS24"/>
      <c r="AT24"/>
      <c r="AU24"/>
      <c r="AV24"/>
      <c r="AW24"/>
      <c r="AX24"/>
      <c r="AY24"/>
      <c r="AZ24"/>
    </row>
    <row r="25" spans="1:52" ht="26.4" customHeight="1">
      <c r="A25" s="18">
        <f t="shared" si="1"/>
        <v>18</v>
      </c>
      <c r="B25" s="4"/>
      <c r="C25" s="4"/>
      <c r="D25" s="128" t="s">
        <v>95</v>
      </c>
      <c r="E25" s="130"/>
      <c r="F25" s="5"/>
      <c r="G25" s="7">
        <f>SUM(G26:G27)</f>
        <v>1124</v>
      </c>
      <c r="H25" s="7">
        <f>SUM(H26:H27)</f>
        <v>600</v>
      </c>
      <c r="I25" s="7">
        <f>SUM(I26:I27)</f>
        <v>-524</v>
      </c>
      <c r="J25" s="8"/>
      <c r="K25" s="9"/>
      <c r="L25"/>
      <c r="M25"/>
      <c r="N25"/>
      <c r="O25"/>
      <c r="P25"/>
      <c r="Q25"/>
      <c r="R25"/>
      <c r="S25"/>
      <c r="T25"/>
      <c r="U25"/>
      <c r="V25"/>
      <c r="W25"/>
      <c r="X25"/>
      <c r="Y25"/>
      <c r="Z25"/>
      <c r="AA25"/>
      <c r="AB25"/>
      <c r="AC25"/>
      <c r="AD25"/>
      <c r="AE25"/>
      <c r="AF25"/>
      <c r="AG25"/>
      <c r="AH25"/>
      <c r="AI25"/>
      <c r="AJ25"/>
      <c r="AK25"/>
      <c r="AL25"/>
      <c r="AM25"/>
      <c r="AN25"/>
      <c r="AO25"/>
      <c r="AP25"/>
      <c r="AQ25"/>
      <c r="AR25"/>
      <c r="AS25"/>
      <c r="AT25"/>
      <c r="AU25"/>
      <c r="AV25"/>
      <c r="AW25"/>
      <c r="AX25"/>
      <c r="AY25"/>
      <c r="AZ25"/>
    </row>
    <row r="26" spans="1:52" ht="38.1" customHeight="1">
      <c r="A26" s="18">
        <f t="shared" si="1"/>
        <v>19</v>
      </c>
      <c r="B26" s="4"/>
      <c r="C26" s="4"/>
      <c r="D26" s="20"/>
      <c r="E26" s="14" t="s">
        <v>75</v>
      </c>
      <c r="F26" s="15" t="s">
        <v>96</v>
      </c>
      <c r="G26" s="7">
        <v>600</v>
      </c>
      <c r="H26" s="7">
        <v>600</v>
      </c>
      <c r="I26" s="7">
        <f t="shared" si="3"/>
        <v>0</v>
      </c>
      <c r="J26" s="16"/>
      <c r="K26" s="17"/>
      <c r="L26" s="123"/>
      <c r="M26" s="123"/>
      <c r="N26" s="123"/>
      <c r="O26" s="123"/>
      <c r="P26" s="123"/>
      <c r="Q26" s="123"/>
      <c r="R26" s="123"/>
      <c r="S26" s="123"/>
      <c r="T26" s="123"/>
      <c r="U26" s="123"/>
      <c r="V26" s="123"/>
      <c r="W26" s="123"/>
      <c r="X26" s="123"/>
      <c r="Y26" s="123"/>
      <c r="Z26" s="123"/>
      <c r="AA26" s="123"/>
      <c r="AB26" s="123"/>
      <c r="AC26" s="123"/>
      <c r="AD26" s="123"/>
      <c r="AE26" s="123"/>
      <c r="AF26" s="123"/>
      <c r="AG26" s="123"/>
      <c r="AH26" s="123"/>
      <c r="AI26" s="123"/>
      <c r="AJ26" s="123"/>
      <c r="AK26" s="123"/>
      <c r="AL26" s="123"/>
      <c r="AM26" s="123"/>
      <c r="AN26" s="123"/>
      <c r="AO26" s="123"/>
      <c r="AP26" s="123"/>
      <c r="AQ26" s="123"/>
      <c r="AR26" s="123"/>
      <c r="AS26" s="123"/>
      <c r="AT26" s="123"/>
      <c r="AU26" s="123"/>
      <c r="AV26" s="123"/>
      <c r="AW26" s="123"/>
      <c r="AX26" s="123"/>
      <c r="AY26" s="123"/>
      <c r="AZ26" s="123"/>
    </row>
    <row r="27" spans="1:52" ht="38.1" customHeight="1">
      <c r="A27" s="18">
        <f t="shared" si="1"/>
        <v>20</v>
      </c>
      <c r="B27" s="4"/>
      <c r="C27" s="4"/>
      <c r="D27" s="22"/>
      <c r="E27" s="21" t="s">
        <v>147</v>
      </c>
      <c r="F27" s="5" t="s">
        <v>148</v>
      </c>
      <c r="G27" s="6">
        <v>524</v>
      </c>
      <c r="H27" s="6">
        <v>0</v>
      </c>
      <c r="I27" s="7">
        <f t="shared" si="3"/>
        <v>-524</v>
      </c>
      <c r="J27" s="8"/>
      <c r="K27" s="9"/>
      <c r="L27" s="123"/>
      <c r="M27" s="123"/>
      <c r="N27" s="123"/>
      <c r="O27" s="123"/>
      <c r="P27" s="123"/>
      <c r="Q27" s="123"/>
      <c r="R27" s="123"/>
      <c r="S27" s="123"/>
      <c r="T27" s="123"/>
      <c r="U27" s="123"/>
      <c r="V27" s="123"/>
      <c r="W27" s="123"/>
      <c r="X27" s="123"/>
      <c r="Y27" s="123"/>
      <c r="Z27" s="123"/>
      <c r="AA27" s="123"/>
      <c r="AB27" s="123"/>
      <c r="AC27" s="123"/>
      <c r="AD27" s="123"/>
      <c r="AE27" s="123"/>
      <c r="AF27" s="123"/>
      <c r="AG27" s="123"/>
      <c r="AH27" s="123"/>
      <c r="AI27" s="123"/>
      <c r="AJ27" s="123"/>
      <c r="AK27" s="123"/>
      <c r="AL27" s="123"/>
      <c r="AM27" s="123"/>
      <c r="AN27" s="123"/>
      <c r="AO27" s="123"/>
      <c r="AP27" s="123"/>
      <c r="AQ27" s="123"/>
      <c r="AR27" s="123"/>
      <c r="AS27" s="123"/>
      <c r="AT27" s="123"/>
      <c r="AU27" s="123"/>
      <c r="AV27" s="123"/>
      <c r="AW27" s="123"/>
      <c r="AX27" s="123"/>
      <c r="AY27" s="123"/>
      <c r="AZ27" s="123"/>
    </row>
    <row r="28" spans="1:52" ht="26.4" customHeight="1">
      <c r="A28" s="18">
        <f t="shared" si="1"/>
        <v>21</v>
      </c>
      <c r="B28" s="128" t="s">
        <v>131</v>
      </c>
      <c r="C28" s="129"/>
      <c r="D28" s="129"/>
      <c r="E28" s="130"/>
      <c r="F28" s="1"/>
      <c r="G28" s="6">
        <f>SUM(G29,G32,G35)</f>
        <v>20620</v>
      </c>
      <c r="H28" s="6">
        <f>SUM(H29,H32,H35)</f>
        <v>24257</v>
      </c>
      <c r="I28" s="7">
        <f t="shared" si="3"/>
        <v>3637</v>
      </c>
      <c r="J28" s="8"/>
      <c r="K28" s="58"/>
      <c r="L28"/>
      <c r="M28"/>
      <c r="N28"/>
      <c r="O28"/>
      <c r="P28"/>
      <c r="Q28"/>
      <c r="R28"/>
      <c r="S28"/>
      <c r="T28"/>
      <c r="U28"/>
      <c r="V28"/>
      <c r="W28"/>
      <c r="X28"/>
      <c r="Y28"/>
      <c r="Z28"/>
      <c r="AA28"/>
      <c r="AB28"/>
      <c r="AC28"/>
      <c r="AD28"/>
      <c r="AE28"/>
      <c r="AF28"/>
      <c r="AG28"/>
      <c r="AH28"/>
      <c r="AI28"/>
      <c r="AJ28"/>
      <c r="AK28"/>
      <c r="AL28"/>
      <c r="AM28"/>
      <c r="AN28"/>
      <c r="AO28"/>
      <c r="AP28"/>
      <c r="AQ28"/>
      <c r="AR28"/>
      <c r="AS28"/>
      <c r="AT28"/>
      <c r="AU28"/>
      <c r="AV28"/>
      <c r="AW28"/>
      <c r="AX28"/>
      <c r="AY28"/>
      <c r="AZ28"/>
    </row>
    <row r="29" spans="1:52" ht="26.4" customHeight="1">
      <c r="A29" s="18">
        <f t="shared" si="1"/>
        <v>22</v>
      </c>
      <c r="B29" s="4"/>
      <c r="C29" s="128" t="s">
        <v>9</v>
      </c>
      <c r="D29" s="129"/>
      <c r="E29" s="130"/>
      <c r="F29" s="2"/>
      <c r="G29" s="7">
        <f>SUM(G30)</f>
        <v>19899</v>
      </c>
      <c r="H29" s="7">
        <f>SUM(H30)</f>
        <v>23480</v>
      </c>
      <c r="I29" s="7">
        <f t="shared" si="3"/>
        <v>3581</v>
      </c>
      <c r="J29" s="16"/>
      <c r="K29" s="17"/>
      <c r="L29"/>
      <c r="M29"/>
      <c r="N29"/>
      <c r="O29"/>
      <c r="P29"/>
      <c r="Q29"/>
      <c r="R29"/>
      <c r="S29"/>
      <c r="T29"/>
      <c r="U29"/>
      <c r="V29"/>
      <c r="W29"/>
      <c r="X29"/>
      <c r="Y29"/>
      <c r="Z29"/>
      <c r="AA29"/>
      <c r="AB29"/>
      <c r="AC29"/>
      <c r="AD29"/>
      <c r="AE29"/>
      <c r="AF29"/>
      <c r="AG29"/>
      <c r="AH29"/>
      <c r="AI29"/>
      <c r="AJ29"/>
      <c r="AK29"/>
      <c r="AL29"/>
      <c r="AM29"/>
      <c r="AN29"/>
      <c r="AO29"/>
      <c r="AP29"/>
      <c r="AQ29"/>
      <c r="AR29"/>
      <c r="AS29"/>
      <c r="AT29"/>
      <c r="AU29"/>
      <c r="AV29"/>
      <c r="AW29"/>
      <c r="AX29"/>
      <c r="AY29"/>
      <c r="AZ29"/>
    </row>
    <row r="30" spans="1:52" ht="26.4" customHeight="1">
      <c r="A30" s="18">
        <f t="shared" si="1"/>
        <v>23</v>
      </c>
      <c r="B30" s="4"/>
      <c r="C30" s="4"/>
      <c r="D30" s="128" t="s">
        <v>132</v>
      </c>
      <c r="E30" s="130"/>
      <c r="F30" s="5"/>
      <c r="G30" s="6">
        <f>SUM(G31)</f>
        <v>19899</v>
      </c>
      <c r="H30" s="6">
        <f>SUM(H31)</f>
        <v>23480</v>
      </c>
      <c r="I30" s="7">
        <f t="shared" si="3"/>
        <v>3581</v>
      </c>
      <c r="J30" s="8"/>
      <c r="K30" s="9"/>
      <c r="L30"/>
      <c r="M30"/>
      <c r="N30"/>
      <c r="O30"/>
      <c r="P30"/>
      <c r="Q30"/>
      <c r="R30"/>
      <c r="S30"/>
      <c r="T30"/>
      <c r="U30"/>
      <c r="V30"/>
      <c r="W30"/>
      <c r="X30"/>
      <c r="Y30"/>
      <c r="Z30"/>
      <c r="AA30"/>
      <c r="AB30"/>
      <c r="AC30"/>
      <c r="AD30"/>
      <c r="AE30"/>
      <c r="AF30"/>
      <c r="AG30"/>
      <c r="AH30"/>
      <c r="AI30"/>
      <c r="AJ30"/>
      <c r="AK30"/>
      <c r="AL30"/>
      <c r="AM30"/>
      <c r="AN30"/>
      <c r="AO30"/>
      <c r="AP30"/>
      <c r="AQ30"/>
      <c r="AR30"/>
      <c r="AS30"/>
      <c r="AT30"/>
      <c r="AU30"/>
      <c r="AV30"/>
      <c r="AW30"/>
      <c r="AX30"/>
      <c r="AY30"/>
      <c r="AZ30"/>
    </row>
    <row r="31" spans="1:52" ht="26.4" customHeight="1">
      <c r="A31" s="18">
        <f t="shared" si="1"/>
        <v>24</v>
      </c>
      <c r="B31" s="4"/>
      <c r="C31" s="4"/>
      <c r="D31" s="20"/>
      <c r="E31" s="21" t="s">
        <v>75</v>
      </c>
      <c r="F31" s="5" t="s">
        <v>97</v>
      </c>
      <c r="G31" s="6">
        <v>19899</v>
      </c>
      <c r="H31" s="6">
        <v>23480</v>
      </c>
      <c r="I31" s="7">
        <f t="shared" si="3"/>
        <v>3581</v>
      </c>
      <c r="J31" s="8"/>
      <c r="K31" s="9"/>
      <c r="L31"/>
      <c r="M31"/>
      <c r="N31"/>
      <c r="O31"/>
      <c r="P31"/>
      <c r="Q31"/>
      <c r="R31"/>
      <c r="S31"/>
      <c r="T31"/>
      <c r="U31"/>
      <c r="V31"/>
      <c r="W31"/>
      <c r="X31"/>
      <c r="Y31"/>
      <c r="Z31"/>
      <c r="AA31"/>
      <c r="AB31"/>
      <c r="AC31"/>
      <c r="AD31"/>
      <c r="AE31"/>
      <c r="AF31"/>
      <c r="AG31"/>
      <c r="AH31"/>
      <c r="AI31"/>
      <c r="AJ31"/>
      <c r="AK31"/>
      <c r="AL31"/>
      <c r="AM31"/>
      <c r="AN31"/>
      <c r="AO31"/>
      <c r="AP31"/>
      <c r="AQ31"/>
      <c r="AR31"/>
      <c r="AS31"/>
      <c r="AT31"/>
      <c r="AU31"/>
      <c r="AV31"/>
      <c r="AW31"/>
      <c r="AX31"/>
      <c r="AY31"/>
      <c r="AZ31"/>
    </row>
    <row r="32" spans="1:52" ht="26.4" customHeight="1">
      <c r="A32" s="18">
        <f>A31+1</f>
        <v>25</v>
      </c>
      <c r="B32" s="4"/>
      <c r="C32" s="128" t="s">
        <v>8</v>
      </c>
      <c r="D32" s="129"/>
      <c r="E32" s="130"/>
      <c r="F32" s="1"/>
      <c r="G32" s="6">
        <f>SUM(G33)</f>
        <v>696</v>
      </c>
      <c r="H32" s="6">
        <f>SUM(H33)</f>
        <v>752</v>
      </c>
      <c r="I32" s="7">
        <f t="shared" si="3"/>
        <v>56</v>
      </c>
      <c r="J32" s="8"/>
      <c r="K32" s="9"/>
      <c r="L32"/>
      <c r="M32"/>
      <c r="N32"/>
      <c r="O32"/>
      <c r="P32"/>
      <c r="Q32"/>
      <c r="R32"/>
      <c r="S32"/>
      <c r="T32"/>
      <c r="U32"/>
      <c r="V32"/>
      <c r="W32"/>
      <c r="X32"/>
      <c r="Y32"/>
      <c r="Z32"/>
      <c r="AA32"/>
      <c r="AB32"/>
      <c r="AC32"/>
      <c r="AD32"/>
      <c r="AE32"/>
      <c r="AF32"/>
      <c r="AG32"/>
      <c r="AH32"/>
      <c r="AI32"/>
      <c r="AJ32"/>
      <c r="AK32"/>
      <c r="AL32"/>
      <c r="AM32"/>
      <c r="AN32"/>
      <c r="AO32"/>
      <c r="AP32"/>
      <c r="AQ32"/>
      <c r="AR32"/>
      <c r="AS32"/>
      <c r="AT32"/>
      <c r="AU32"/>
      <c r="AV32"/>
      <c r="AW32"/>
      <c r="AX32"/>
      <c r="AY32"/>
      <c r="AZ32"/>
    </row>
    <row r="33" spans="1:52" ht="26.4" customHeight="1">
      <c r="A33" s="18">
        <f>A32+1</f>
        <v>26</v>
      </c>
      <c r="B33" s="4"/>
      <c r="C33" s="20"/>
      <c r="D33" s="128" t="s">
        <v>10</v>
      </c>
      <c r="E33" s="130"/>
      <c r="F33" s="5"/>
      <c r="G33" s="6">
        <f>SUM(G34)</f>
        <v>696</v>
      </c>
      <c r="H33" s="6">
        <f>SUM(H34)</f>
        <v>752</v>
      </c>
      <c r="I33" s="7">
        <f t="shared" si="3"/>
        <v>56</v>
      </c>
      <c r="J33" s="8"/>
      <c r="K33" s="9"/>
      <c r="L33"/>
      <c r="M33"/>
      <c r="N33"/>
      <c r="O33"/>
      <c r="P33"/>
      <c r="Q33"/>
      <c r="R33"/>
      <c r="S33"/>
      <c r="T33"/>
      <c r="U33"/>
      <c r="V33"/>
      <c r="W33"/>
      <c r="X33"/>
      <c r="Y33"/>
      <c r="Z33"/>
      <c r="AA33"/>
      <c r="AB33"/>
      <c r="AC33"/>
      <c r="AD33"/>
      <c r="AE33"/>
      <c r="AF33"/>
      <c r="AG33"/>
      <c r="AH33"/>
      <c r="AI33"/>
      <c r="AJ33"/>
      <c r="AK33"/>
      <c r="AL33"/>
      <c r="AM33"/>
      <c r="AN33"/>
      <c r="AO33"/>
      <c r="AP33"/>
      <c r="AQ33"/>
      <c r="AR33"/>
      <c r="AS33"/>
      <c r="AT33"/>
      <c r="AU33"/>
      <c r="AV33"/>
      <c r="AW33"/>
      <c r="AX33"/>
      <c r="AY33"/>
      <c r="AZ33"/>
    </row>
    <row r="34" spans="1:52" ht="26.4" customHeight="1">
      <c r="A34" s="18">
        <f>A33+1</f>
        <v>27</v>
      </c>
      <c r="B34" s="4"/>
      <c r="C34" s="22"/>
      <c r="D34" s="22"/>
      <c r="E34" s="14" t="s">
        <v>69</v>
      </c>
      <c r="F34" s="14" t="s">
        <v>61</v>
      </c>
      <c r="G34" s="7">
        <v>696</v>
      </c>
      <c r="H34" s="7">
        <v>752</v>
      </c>
      <c r="I34" s="7">
        <f t="shared" si="3"/>
        <v>56</v>
      </c>
      <c r="J34" s="16"/>
      <c r="K34" s="17"/>
      <c r="L34"/>
      <c r="M34"/>
      <c r="N34"/>
      <c r="O34"/>
      <c r="P34"/>
      <c r="Q34"/>
      <c r="R34"/>
      <c r="S34"/>
      <c r="T34"/>
      <c r="U34"/>
      <c r="V34"/>
      <c r="W34"/>
      <c r="X34"/>
      <c r="Y34"/>
      <c r="Z34"/>
      <c r="AA34"/>
      <c r="AB34"/>
      <c r="AC34"/>
      <c r="AD34"/>
      <c r="AE34"/>
      <c r="AF34"/>
      <c r="AG34"/>
      <c r="AH34"/>
      <c r="AI34"/>
      <c r="AJ34"/>
      <c r="AK34"/>
      <c r="AL34"/>
      <c r="AM34"/>
      <c r="AN34"/>
      <c r="AO34"/>
      <c r="AP34"/>
      <c r="AQ34"/>
      <c r="AR34"/>
      <c r="AS34"/>
      <c r="AT34"/>
      <c r="AU34"/>
      <c r="AV34"/>
      <c r="AW34"/>
      <c r="AX34"/>
      <c r="AY34"/>
      <c r="AZ34"/>
    </row>
    <row r="35" spans="1:52" ht="26.4" customHeight="1">
      <c r="A35" s="18">
        <f t="shared" si="1"/>
        <v>28</v>
      </c>
      <c r="B35" s="4"/>
      <c r="C35" s="126" t="s">
        <v>11</v>
      </c>
      <c r="D35" s="132"/>
      <c r="E35" s="127"/>
      <c r="F35" s="2"/>
      <c r="G35" s="7">
        <f>SUM(G36)</f>
        <v>25</v>
      </c>
      <c r="H35" s="7">
        <f>SUM(H36)</f>
        <v>25</v>
      </c>
      <c r="I35" s="7">
        <f t="shared" si="3"/>
        <v>0</v>
      </c>
      <c r="J35" s="16"/>
      <c r="K35" s="17"/>
      <c r="L35"/>
      <c r="M35"/>
      <c r="N35"/>
      <c r="O35"/>
      <c r="P35"/>
      <c r="Q35"/>
      <c r="R35"/>
      <c r="S35"/>
      <c r="T35"/>
      <c r="U35"/>
      <c r="V35"/>
      <c r="W35"/>
      <c r="X35"/>
      <c r="Y35"/>
      <c r="Z35"/>
      <c r="AA35"/>
      <c r="AB35"/>
      <c r="AC35"/>
      <c r="AD35"/>
      <c r="AE35"/>
      <c r="AF35"/>
      <c r="AG35"/>
      <c r="AH35"/>
      <c r="AI35"/>
      <c r="AJ35"/>
      <c r="AK35"/>
      <c r="AL35"/>
      <c r="AM35"/>
      <c r="AN35"/>
      <c r="AO35"/>
      <c r="AP35"/>
      <c r="AQ35"/>
      <c r="AR35"/>
      <c r="AS35"/>
      <c r="AT35"/>
      <c r="AU35"/>
      <c r="AV35"/>
      <c r="AW35"/>
      <c r="AX35"/>
      <c r="AY35"/>
      <c r="AZ35"/>
    </row>
    <row r="36" spans="1:52" ht="26.4" customHeight="1">
      <c r="A36" s="18">
        <f t="shared" si="1"/>
        <v>29</v>
      </c>
      <c r="B36" s="4"/>
      <c r="C36" s="4"/>
      <c r="D36" s="128" t="s">
        <v>12</v>
      </c>
      <c r="E36" s="130"/>
      <c r="F36" s="5"/>
      <c r="G36" s="6">
        <f>SUM(G37)</f>
        <v>25</v>
      </c>
      <c r="H36" s="6">
        <f>SUM(H37)</f>
        <v>25</v>
      </c>
      <c r="I36" s="7">
        <f t="shared" si="3"/>
        <v>0</v>
      </c>
      <c r="J36" s="8"/>
      <c r="K36" s="9"/>
      <c r="L36"/>
      <c r="M36"/>
      <c r="N36"/>
      <c r="O36"/>
      <c r="P36"/>
      <c r="Q36"/>
      <c r="R36"/>
      <c r="S36"/>
      <c r="T36"/>
      <c r="U36"/>
      <c r="V36"/>
      <c r="W36"/>
      <c r="X36"/>
      <c r="Y36"/>
      <c r="Z36"/>
      <c r="AA36"/>
      <c r="AB36"/>
      <c r="AC36"/>
      <c r="AD36"/>
      <c r="AE36"/>
      <c r="AF36"/>
      <c r="AG36"/>
      <c r="AH36"/>
      <c r="AI36"/>
      <c r="AJ36"/>
      <c r="AK36"/>
      <c r="AL36"/>
      <c r="AM36"/>
      <c r="AN36"/>
      <c r="AO36"/>
      <c r="AP36"/>
      <c r="AQ36"/>
      <c r="AR36"/>
      <c r="AS36"/>
      <c r="AT36"/>
      <c r="AU36"/>
      <c r="AV36"/>
      <c r="AW36"/>
      <c r="AX36"/>
      <c r="AY36"/>
      <c r="AZ36"/>
    </row>
    <row r="37" spans="1:52" ht="38.1" customHeight="1">
      <c r="A37" s="18">
        <f t="shared" si="1"/>
        <v>30</v>
      </c>
      <c r="B37" s="22"/>
      <c r="C37" s="22"/>
      <c r="D37" s="22"/>
      <c r="E37" s="14" t="s">
        <v>70</v>
      </c>
      <c r="F37" s="21" t="s">
        <v>46</v>
      </c>
      <c r="G37" s="6">
        <v>25</v>
      </c>
      <c r="H37" s="6">
        <v>25</v>
      </c>
      <c r="I37" s="7">
        <f t="shared" si="3"/>
        <v>0</v>
      </c>
      <c r="J37" s="8"/>
      <c r="K37" s="9"/>
      <c r="L37" s="123"/>
      <c r="M37" s="123"/>
      <c r="N37" s="123"/>
      <c r="O37" s="123"/>
      <c r="P37" s="123"/>
      <c r="Q37" s="123"/>
      <c r="R37" s="123"/>
      <c r="S37" s="123"/>
      <c r="T37" s="123"/>
      <c r="U37" s="123"/>
      <c r="V37" s="123"/>
      <c r="W37" s="123"/>
      <c r="X37" s="123"/>
      <c r="Y37" s="123"/>
      <c r="Z37" s="123"/>
      <c r="AA37" s="123"/>
      <c r="AB37" s="123"/>
      <c r="AC37" s="123"/>
      <c r="AD37" s="123"/>
      <c r="AE37" s="123"/>
      <c r="AF37" s="123"/>
      <c r="AG37" s="123"/>
      <c r="AH37" s="123"/>
      <c r="AI37" s="123"/>
      <c r="AJ37" s="123"/>
      <c r="AK37" s="123"/>
      <c r="AL37" s="123"/>
      <c r="AM37" s="123"/>
      <c r="AN37" s="123"/>
      <c r="AO37" s="123"/>
      <c r="AP37" s="123"/>
      <c r="AQ37" s="123"/>
      <c r="AR37" s="123"/>
      <c r="AS37" s="123"/>
      <c r="AT37" s="123"/>
      <c r="AU37" s="123"/>
      <c r="AV37" s="123"/>
      <c r="AW37" s="123"/>
      <c r="AX37" s="123"/>
      <c r="AY37" s="123"/>
      <c r="AZ37" s="123"/>
    </row>
    <row r="38" spans="1:52" ht="26.4" customHeight="1">
      <c r="A38" s="18">
        <f t="shared" si="1"/>
        <v>31</v>
      </c>
      <c r="B38" s="128" t="s">
        <v>133</v>
      </c>
      <c r="C38" s="129"/>
      <c r="D38" s="129"/>
      <c r="E38" s="130"/>
      <c r="F38" s="1"/>
      <c r="G38" s="6">
        <f>SUM(G39,G44)</f>
        <v>5242975</v>
      </c>
      <c r="H38" s="6">
        <f>SUM(H39,H44)</f>
        <v>5197764</v>
      </c>
      <c r="I38" s="7">
        <f t="shared" si="3"/>
        <v>-45211</v>
      </c>
      <c r="J38" s="8"/>
      <c r="K38" s="58"/>
      <c r="L38"/>
      <c r="M38"/>
      <c r="N38"/>
      <c r="O38"/>
      <c r="P38"/>
      <c r="Q38"/>
      <c r="R38"/>
      <c r="S38"/>
      <c r="T38"/>
      <c r="U38"/>
      <c r="V38"/>
      <c r="W38"/>
      <c r="X38"/>
      <c r="Y38"/>
      <c r="Z38"/>
      <c r="AA38"/>
      <c r="AB38"/>
      <c r="AC38"/>
      <c r="AD38"/>
      <c r="AE38"/>
      <c r="AF38"/>
      <c r="AG38"/>
      <c r="AH38"/>
      <c r="AI38"/>
      <c r="AJ38"/>
      <c r="AK38"/>
      <c r="AL38"/>
      <c r="AM38"/>
      <c r="AN38"/>
      <c r="AO38"/>
      <c r="AP38"/>
      <c r="AQ38"/>
      <c r="AR38"/>
      <c r="AS38"/>
      <c r="AT38"/>
      <c r="AU38"/>
      <c r="AV38"/>
      <c r="AW38"/>
      <c r="AX38"/>
      <c r="AY38"/>
      <c r="AZ38"/>
    </row>
    <row r="39" spans="1:52" ht="26.4" customHeight="1">
      <c r="A39" s="18">
        <f t="shared" si="1"/>
        <v>32</v>
      </c>
      <c r="B39" s="19"/>
      <c r="C39" s="128" t="s">
        <v>13</v>
      </c>
      <c r="D39" s="129"/>
      <c r="E39" s="130"/>
      <c r="F39" s="1"/>
      <c r="G39" s="6">
        <f>SUM(G40)</f>
        <v>5237524</v>
      </c>
      <c r="H39" s="6">
        <f>SUM(H40)</f>
        <v>5189635</v>
      </c>
      <c r="I39" s="7">
        <f t="shared" si="3"/>
        <v>-47889</v>
      </c>
      <c r="J39" s="8"/>
      <c r="K39" s="9"/>
      <c r="L39"/>
      <c r="M39"/>
      <c r="N39"/>
      <c r="O39"/>
      <c r="P39"/>
      <c r="Q39"/>
      <c r="R39"/>
      <c r="S39"/>
      <c r="T39"/>
      <c r="U39"/>
      <c r="V39"/>
      <c r="W39"/>
      <c r="X39"/>
      <c r="Y39"/>
      <c r="Z39"/>
      <c r="AA39"/>
      <c r="AB39"/>
      <c r="AC39"/>
      <c r="AD39"/>
      <c r="AE39"/>
      <c r="AF39"/>
      <c r="AG39"/>
      <c r="AH39"/>
      <c r="AI39"/>
      <c r="AJ39"/>
      <c r="AK39"/>
      <c r="AL39"/>
      <c r="AM39"/>
      <c r="AN39"/>
      <c r="AO39"/>
      <c r="AP39"/>
      <c r="AQ39"/>
      <c r="AR39"/>
      <c r="AS39"/>
      <c r="AT39"/>
      <c r="AU39"/>
      <c r="AV39"/>
      <c r="AW39"/>
      <c r="AX39"/>
      <c r="AY39"/>
      <c r="AZ39"/>
    </row>
    <row r="40" spans="1:52" ht="26.4" customHeight="1">
      <c r="A40" s="18">
        <f t="shared" si="1"/>
        <v>33</v>
      </c>
      <c r="B40" s="4"/>
      <c r="C40" s="20"/>
      <c r="D40" s="128" t="s">
        <v>14</v>
      </c>
      <c r="E40" s="130"/>
      <c r="F40" s="5"/>
      <c r="G40" s="6">
        <f>SUM(G41,G42,G43)</f>
        <v>5237524</v>
      </c>
      <c r="H40" s="6">
        <f>SUM(H41,H42,H43)</f>
        <v>5189635</v>
      </c>
      <c r="I40" s="7">
        <f t="shared" si="3"/>
        <v>-47889</v>
      </c>
      <c r="J40" s="8"/>
      <c r="K40" s="9"/>
      <c r="L40"/>
      <c r="M40"/>
      <c r="N40"/>
      <c r="O40"/>
      <c r="P40"/>
      <c r="Q40"/>
      <c r="R40"/>
      <c r="S40"/>
      <c r="T40"/>
      <c r="U40"/>
      <c r="V40"/>
      <c r="W40"/>
      <c r="X40"/>
      <c r="Y40"/>
      <c r="Z40"/>
      <c r="AA40"/>
      <c r="AB40"/>
      <c r="AC40"/>
      <c r="AD40"/>
      <c r="AE40"/>
      <c r="AF40"/>
      <c r="AG40"/>
      <c r="AH40"/>
      <c r="AI40"/>
      <c r="AJ40"/>
      <c r="AK40"/>
      <c r="AL40"/>
      <c r="AM40"/>
      <c r="AN40"/>
      <c r="AO40"/>
      <c r="AP40"/>
      <c r="AQ40"/>
      <c r="AR40"/>
      <c r="AS40"/>
      <c r="AT40"/>
      <c r="AU40"/>
      <c r="AV40"/>
      <c r="AW40"/>
      <c r="AX40"/>
      <c r="AY40"/>
      <c r="AZ40"/>
    </row>
    <row r="41" spans="1:52" ht="26.4" customHeight="1">
      <c r="A41" s="18">
        <f t="shared" si="1"/>
        <v>34</v>
      </c>
      <c r="B41" s="4"/>
      <c r="C41" s="4"/>
      <c r="D41" s="20"/>
      <c r="E41" s="21" t="s">
        <v>15</v>
      </c>
      <c r="F41" s="5" t="s">
        <v>91</v>
      </c>
      <c r="G41" s="6">
        <v>5042291</v>
      </c>
      <c r="H41" s="6">
        <v>4989721</v>
      </c>
      <c r="I41" s="7">
        <f t="shared" si="3"/>
        <v>-52570</v>
      </c>
      <c r="J41" s="8"/>
      <c r="K41" s="9"/>
      <c r="L41"/>
      <c r="M41"/>
      <c r="N41"/>
      <c r="O41"/>
      <c r="P41"/>
      <c r="Q41"/>
      <c r="R41"/>
      <c r="S41"/>
      <c r="T41"/>
      <c r="U41"/>
      <c r="V41"/>
      <c r="W41"/>
      <c r="X41"/>
      <c r="Y41"/>
      <c r="Z41"/>
      <c r="AA41"/>
      <c r="AB41"/>
      <c r="AC41"/>
      <c r="AD41"/>
      <c r="AE41"/>
      <c r="AF41"/>
      <c r="AG41"/>
      <c r="AH41"/>
      <c r="AI41"/>
      <c r="AJ41"/>
      <c r="AK41"/>
      <c r="AL41"/>
      <c r="AM41"/>
      <c r="AN41"/>
      <c r="AO41"/>
      <c r="AP41"/>
      <c r="AQ41"/>
      <c r="AR41"/>
      <c r="AS41"/>
      <c r="AT41"/>
      <c r="AU41"/>
      <c r="AV41"/>
      <c r="AW41"/>
      <c r="AX41"/>
      <c r="AY41"/>
      <c r="AZ41"/>
    </row>
    <row r="42" spans="1:52" ht="26.4" customHeight="1">
      <c r="A42" s="18">
        <f t="shared" si="1"/>
        <v>35</v>
      </c>
      <c r="B42" s="4"/>
      <c r="C42" s="4"/>
      <c r="D42" s="4"/>
      <c r="E42" s="21" t="s">
        <v>16</v>
      </c>
      <c r="F42" s="5" t="s">
        <v>38</v>
      </c>
      <c r="G42" s="6">
        <v>90835</v>
      </c>
      <c r="H42" s="6">
        <v>95515</v>
      </c>
      <c r="I42" s="7">
        <f t="shared" si="3"/>
        <v>4680</v>
      </c>
      <c r="J42" s="8"/>
      <c r="K42" s="9"/>
      <c r="L42"/>
      <c r="M42"/>
      <c r="N42"/>
      <c r="O42"/>
      <c r="P42"/>
      <c r="Q42"/>
      <c r="R42"/>
      <c r="S42"/>
      <c r="T42"/>
      <c r="U42"/>
      <c r="V42"/>
      <c r="W42"/>
      <c r="X42"/>
      <c r="Y42"/>
      <c r="Z42"/>
      <c r="AA42"/>
      <c r="AB42"/>
      <c r="AC42"/>
      <c r="AD42"/>
      <c r="AE42"/>
      <c r="AF42"/>
      <c r="AG42"/>
      <c r="AH42"/>
      <c r="AI42"/>
      <c r="AJ42"/>
      <c r="AK42"/>
      <c r="AL42"/>
      <c r="AM42"/>
      <c r="AN42"/>
      <c r="AO42"/>
      <c r="AP42"/>
      <c r="AQ42"/>
      <c r="AR42"/>
      <c r="AS42"/>
      <c r="AT42"/>
      <c r="AU42"/>
      <c r="AV42"/>
      <c r="AW42"/>
      <c r="AX42"/>
      <c r="AY42"/>
      <c r="AZ42"/>
    </row>
    <row r="43" spans="1:52" ht="26.4" customHeight="1">
      <c r="A43" s="18">
        <f t="shared" si="1"/>
        <v>36</v>
      </c>
      <c r="B43" s="4"/>
      <c r="C43" s="4"/>
      <c r="D43" s="4"/>
      <c r="E43" s="21" t="s">
        <v>71</v>
      </c>
      <c r="F43" s="5" t="s">
        <v>47</v>
      </c>
      <c r="G43" s="6">
        <v>104398</v>
      </c>
      <c r="H43" s="6">
        <v>104399</v>
      </c>
      <c r="I43" s="7">
        <f t="shared" si="3"/>
        <v>1</v>
      </c>
      <c r="J43" s="8"/>
      <c r="K43" s="9"/>
      <c r="L43"/>
      <c r="M43"/>
      <c r="N43"/>
      <c r="O43"/>
      <c r="P43"/>
      <c r="Q43"/>
      <c r="R43"/>
      <c r="S43"/>
      <c r="T43"/>
      <c r="U43"/>
      <c r="V43"/>
      <c r="W43"/>
      <c r="X43"/>
      <c r="Y43"/>
      <c r="Z43"/>
      <c r="AA43"/>
      <c r="AB43"/>
      <c r="AC43"/>
      <c r="AD43"/>
      <c r="AE43"/>
      <c r="AF43"/>
      <c r="AG43"/>
      <c r="AH43"/>
      <c r="AI43"/>
      <c r="AJ43"/>
      <c r="AK43"/>
      <c r="AL43"/>
      <c r="AM43"/>
      <c r="AN43"/>
      <c r="AO43"/>
      <c r="AP43"/>
      <c r="AQ43"/>
      <c r="AR43"/>
      <c r="AS43"/>
      <c r="AT43"/>
      <c r="AU43"/>
      <c r="AV43"/>
      <c r="AW43"/>
      <c r="AX43"/>
      <c r="AY43"/>
      <c r="AZ43"/>
    </row>
    <row r="44" spans="1:52" ht="26.4" customHeight="1">
      <c r="A44" s="18">
        <f t="shared" si="1"/>
        <v>37</v>
      </c>
      <c r="B44" s="4"/>
      <c r="C44" s="128" t="s">
        <v>17</v>
      </c>
      <c r="D44" s="129"/>
      <c r="E44" s="130"/>
      <c r="F44" s="1"/>
      <c r="G44" s="6">
        <f>SUM(G45)</f>
        <v>5451</v>
      </c>
      <c r="H44" s="6">
        <f>SUM(H45)</f>
        <v>8129</v>
      </c>
      <c r="I44" s="7">
        <f t="shared" si="3"/>
        <v>2678</v>
      </c>
      <c r="J44" s="8"/>
      <c r="K44" s="9"/>
      <c r="L44"/>
      <c r="M44"/>
      <c r="N44"/>
      <c r="O44"/>
      <c r="P44"/>
      <c r="Q44"/>
      <c r="R44"/>
      <c r="S44"/>
      <c r="T44"/>
      <c r="U44"/>
      <c r="V44"/>
      <c r="W44"/>
      <c r="X44"/>
      <c r="Y44"/>
      <c r="Z44"/>
      <c r="AA44"/>
      <c r="AB44"/>
      <c r="AC44"/>
      <c r="AD44"/>
      <c r="AE44"/>
      <c r="AF44"/>
      <c r="AG44"/>
      <c r="AH44"/>
      <c r="AI44"/>
      <c r="AJ44"/>
      <c r="AK44"/>
      <c r="AL44"/>
      <c r="AM44"/>
      <c r="AN44"/>
      <c r="AO44"/>
      <c r="AP44"/>
      <c r="AQ44"/>
      <c r="AR44"/>
      <c r="AS44"/>
      <c r="AT44"/>
      <c r="AU44"/>
      <c r="AV44"/>
      <c r="AW44"/>
      <c r="AX44"/>
      <c r="AY44"/>
      <c r="AZ44"/>
    </row>
    <row r="45" spans="1:52" ht="26.4" customHeight="1">
      <c r="A45" s="18">
        <f t="shared" si="1"/>
        <v>38</v>
      </c>
      <c r="B45" s="4"/>
      <c r="C45" s="4"/>
      <c r="D45" s="128" t="s">
        <v>134</v>
      </c>
      <c r="E45" s="130"/>
      <c r="F45" s="5"/>
      <c r="G45" s="6">
        <f>SUM(G46)</f>
        <v>5451</v>
      </c>
      <c r="H45" s="6">
        <f>SUM(H46)</f>
        <v>8129</v>
      </c>
      <c r="I45" s="7">
        <f t="shared" si="3"/>
        <v>2678</v>
      </c>
      <c r="J45" s="8"/>
      <c r="K45" s="9"/>
      <c r="L45"/>
      <c r="M45"/>
      <c r="N45"/>
      <c r="O45"/>
      <c r="P45"/>
      <c r="Q45"/>
      <c r="R45"/>
      <c r="S45"/>
      <c r="T45"/>
      <c r="U45"/>
      <c r="V45"/>
      <c r="W45"/>
      <c r="X45"/>
      <c r="Y45"/>
      <c r="Z45"/>
      <c r="AA45"/>
      <c r="AB45"/>
      <c r="AC45"/>
      <c r="AD45"/>
      <c r="AE45"/>
      <c r="AF45"/>
      <c r="AG45"/>
      <c r="AH45"/>
      <c r="AI45"/>
      <c r="AJ45"/>
      <c r="AK45"/>
      <c r="AL45"/>
      <c r="AM45"/>
      <c r="AN45"/>
      <c r="AO45"/>
      <c r="AP45"/>
      <c r="AQ45"/>
      <c r="AR45"/>
      <c r="AS45"/>
      <c r="AT45"/>
      <c r="AU45"/>
      <c r="AV45"/>
      <c r="AW45"/>
      <c r="AX45"/>
      <c r="AY45"/>
      <c r="AZ45"/>
    </row>
    <row r="46" spans="1:52" ht="26.4" customHeight="1">
      <c r="A46" s="18">
        <f t="shared" si="1"/>
        <v>39</v>
      </c>
      <c r="B46" s="4"/>
      <c r="C46" s="4"/>
      <c r="D46" s="20"/>
      <c r="E46" s="21" t="s">
        <v>18</v>
      </c>
      <c r="F46" s="21" t="s">
        <v>41</v>
      </c>
      <c r="G46" s="6">
        <v>5451</v>
      </c>
      <c r="H46" s="6">
        <v>8129</v>
      </c>
      <c r="I46" s="7">
        <f t="shared" si="3"/>
        <v>2678</v>
      </c>
      <c r="J46" s="8"/>
      <c r="K46" s="9"/>
      <c r="L46"/>
      <c r="M46"/>
      <c r="N46"/>
      <c r="O46"/>
      <c r="P46"/>
      <c r="Q46"/>
      <c r="R46"/>
      <c r="S46"/>
      <c r="T46"/>
      <c r="U46"/>
      <c r="V46"/>
      <c r="W46"/>
      <c r="X46"/>
      <c r="Y46"/>
      <c r="Z46"/>
      <c r="AA46"/>
      <c r="AB46"/>
      <c r="AC46"/>
      <c r="AD46"/>
      <c r="AE46"/>
      <c r="AF46"/>
      <c r="AG46"/>
      <c r="AH46"/>
      <c r="AI46"/>
      <c r="AJ46"/>
      <c r="AK46"/>
      <c r="AL46"/>
      <c r="AM46"/>
      <c r="AN46"/>
      <c r="AO46"/>
      <c r="AP46"/>
      <c r="AQ46"/>
      <c r="AR46"/>
      <c r="AS46"/>
      <c r="AT46"/>
      <c r="AU46"/>
      <c r="AV46"/>
      <c r="AW46"/>
      <c r="AX46"/>
      <c r="AY46"/>
      <c r="AZ46"/>
    </row>
    <row r="47" spans="1:52" ht="26.4" customHeight="1">
      <c r="A47" s="18">
        <f t="shared" si="1"/>
        <v>40</v>
      </c>
      <c r="B47" s="128" t="s">
        <v>135</v>
      </c>
      <c r="C47" s="129"/>
      <c r="D47" s="129"/>
      <c r="E47" s="130"/>
      <c r="F47" s="1"/>
      <c r="G47" s="6">
        <f>SUM(G48,G53)</f>
        <v>2714175</v>
      </c>
      <c r="H47" s="6">
        <f>SUM(H48,H53)</f>
        <v>1957522</v>
      </c>
      <c r="I47" s="7">
        <f t="shared" si="3"/>
        <v>-756653</v>
      </c>
      <c r="J47" s="8"/>
      <c r="K47" s="58"/>
      <c r="L47"/>
      <c r="M47"/>
      <c r="N47"/>
      <c r="O47"/>
      <c r="P47"/>
      <c r="Q47"/>
      <c r="R47"/>
      <c r="S47"/>
      <c r="T47"/>
      <c r="U47"/>
      <c r="V47"/>
      <c r="W47"/>
      <c r="X47"/>
      <c r="Y47"/>
      <c r="Z47"/>
      <c r="AA47"/>
      <c r="AB47"/>
      <c r="AC47"/>
      <c r="AD47"/>
      <c r="AE47"/>
      <c r="AF47"/>
      <c r="AG47"/>
      <c r="AH47"/>
      <c r="AI47"/>
      <c r="AJ47"/>
      <c r="AK47"/>
      <c r="AL47"/>
      <c r="AM47"/>
      <c r="AN47"/>
      <c r="AO47"/>
      <c r="AP47"/>
      <c r="AQ47"/>
      <c r="AR47"/>
      <c r="AS47"/>
      <c r="AT47"/>
      <c r="AU47"/>
      <c r="AV47"/>
      <c r="AW47"/>
      <c r="AX47"/>
      <c r="AY47"/>
      <c r="AZ47"/>
    </row>
    <row r="48" spans="1:52" ht="26.4" customHeight="1">
      <c r="A48" s="18">
        <f t="shared" si="1"/>
        <v>41</v>
      </c>
      <c r="B48" s="4"/>
      <c r="C48" s="126" t="s">
        <v>19</v>
      </c>
      <c r="D48" s="132"/>
      <c r="E48" s="127"/>
      <c r="F48" s="2"/>
      <c r="G48" s="7">
        <f>SUM(G49,G51)</f>
        <v>2714009</v>
      </c>
      <c r="H48" s="7">
        <f>SUM(H49,H51)</f>
        <v>1957256</v>
      </c>
      <c r="I48" s="7">
        <f t="shared" si="3"/>
        <v>-756753</v>
      </c>
      <c r="J48" s="16"/>
      <c r="K48" s="17"/>
      <c r="L48"/>
      <c r="M48"/>
      <c r="N48"/>
      <c r="O48"/>
      <c r="P48"/>
      <c r="Q48"/>
      <c r="R48"/>
      <c r="S48"/>
      <c r="T48"/>
      <c r="U48"/>
      <c r="V48"/>
      <c r="W48"/>
      <c r="X48"/>
      <c r="Y48"/>
      <c r="Z48"/>
      <c r="AA48"/>
      <c r="AB48"/>
      <c r="AC48"/>
      <c r="AD48"/>
      <c r="AE48"/>
      <c r="AF48"/>
      <c r="AG48"/>
      <c r="AH48"/>
      <c r="AI48"/>
      <c r="AJ48"/>
      <c r="AK48"/>
      <c r="AL48"/>
      <c r="AM48"/>
      <c r="AN48"/>
      <c r="AO48"/>
      <c r="AP48"/>
      <c r="AQ48"/>
      <c r="AR48"/>
      <c r="AS48"/>
      <c r="AT48"/>
      <c r="AU48"/>
      <c r="AV48"/>
      <c r="AW48"/>
      <c r="AX48"/>
      <c r="AY48"/>
      <c r="AZ48"/>
    </row>
    <row r="49" spans="1:52" ht="26.4" customHeight="1">
      <c r="A49" s="18">
        <f>A48+1</f>
        <v>42</v>
      </c>
      <c r="B49" s="4"/>
      <c r="C49" s="20"/>
      <c r="D49" s="128" t="s">
        <v>20</v>
      </c>
      <c r="E49" s="130"/>
      <c r="F49" s="5"/>
      <c r="G49" s="6">
        <f>SUM(G50)</f>
        <v>2252009</v>
      </c>
      <c r="H49" s="6">
        <f>SUM(H50)</f>
        <v>1442456</v>
      </c>
      <c r="I49" s="7">
        <f t="shared" si="3"/>
        <v>-809553</v>
      </c>
      <c r="J49" s="8"/>
      <c r="K49" s="9"/>
      <c r="L49"/>
      <c r="M49"/>
      <c r="N49"/>
      <c r="O49"/>
      <c r="P49"/>
      <c r="Q49"/>
      <c r="R49"/>
      <c r="S49"/>
      <c r="T49"/>
      <c r="U49"/>
      <c r="V49"/>
      <c r="W49"/>
      <c r="X49"/>
      <c r="Y49"/>
      <c r="Z49"/>
      <c r="AA49"/>
      <c r="AB49"/>
      <c r="AC49"/>
      <c r="AD49"/>
      <c r="AE49"/>
      <c r="AF49"/>
      <c r="AG49"/>
      <c r="AH49"/>
      <c r="AI49"/>
      <c r="AJ49"/>
      <c r="AK49"/>
      <c r="AL49"/>
      <c r="AM49"/>
      <c r="AN49"/>
      <c r="AO49"/>
      <c r="AP49"/>
      <c r="AQ49"/>
      <c r="AR49"/>
      <c r="AS49"/>
      <c r="AT49"/>
      <c r="AU49"/>
      <c r="AV49"/>
      <c r="AW49"/>
      <c r="AX49"/>
      <c r="AY49"/>
      <c r="AZ49"/>
    </row>
    <row r="50" spans="1:52" ht="26.4" customHeight="1">
      <c r="A50" s="18">
        <f t="shared" si="1"/>
        <v>43</v>
      </c>
      <c r="B50" s="4"/>
      <c r="C50" s="4"/>
      <c r="D50" s="4"/>
      <c r="E50" s="122" t="s">
        <v>73</v>
      </c>
      <c r="F50" s="15" t="s">
        <v>74</v>
      </c>
      <c r="G50" s="7">
        <v>2252009</v>
      </c>
      <c r="H50" s="7">
        <v>1442456</v>
      </c>
      <c r="I50" s="7">
        <f t="shared" si="3"/>
        <v>-809553</v>
      </c>
      <c r="J50" s="16"/>
      <c r="K50" s="17"/>
      <c r="L50"/>
      <c r="M50"/>
      <c r="N50"/>
      <c r="O50"/>
      <c r="P50"/>
      <c r="Q50"/>
      <c r="R50"/>
      <c r="S50"/>
      <c r="T50"/>
      <c r="U50"/>
      <c r="V50"/>
      <c r="W50"/>
      <c r="X50"/>
      <c r="Y50"/>
      <c r="Z50"/>
      <c r="AA50"/>
      <c r="AB50"/>
      <c r="AC50"/>
      <c r="AD50"/>
      <c r="AE50"/>
      <c r="AF50"/>
      <c r="AG50"/>
      <c r="AH50"/>
      <c r="AI50"/>
      <c r="AJ50"/>
      <c r="AK50"/>
      <c r="AL50"/>
      <c r="AM50"/>
      <c r="AN50"/>
      <c r="AO50"/>
      <c r="AP50"/>
      <c r="AQ50"/>
      <c r="AR50"/>
      <c r="AS50"/>
      <c r="AT50"/>
      <c r="AU50"/>
      <c r="AV50"/>
      <c r="AW50"/>
      <c r="AX50"/>
      <c r="AY50"/>
      <c r="AZ50"/>
    </row>
    <row r="51" spans="1:52" s="119" customFormat="1" ht="26.4" customHeight="1">
      <c r="A51" s="18">
        <f t="shared" si="1"/>
        <v>44</v>
      </c>
      <c r="B51" s="4"/>
      <c r="C51" s="4"/>
      <c r="D51" s="128" t="s">
        <v>120</v>
      </c>
      <c r="E51" s="130"/>
      <c r="F51" s="5"/>
      <c r="G51" s="6">
        <f>SUM(G52)</f>
        <v>462000</v>
      </c>
      <c r="H51" s="6">
        <f>SUM(H52)</f>
        <v>514800</v>
      </c>
      <c r="I51" s="7">
        <f>+H51-G51</f>
        <v>52800</v>
      </c>
      <c r="J51" s="8"/>
      <c r="K51" s="9"/>
      <c r="L51"/>
      <c r="M51"/>
      <c r="N51"/>
      <c r="O51"/>
      <c r="P51"/>
      <c r="Q51"/>
      <c r="R51"/>
      <c r="S51"/>
      <c r="T51"/>
      <c r="U51"/>
      <c r="V51"/>
      <c r="W51"/>
      <c r="X51"/>
      <c r="Y51"/>
      <c r="Z51"/>
      <c r="AA51"/>
      <c r="AB51"/>
      <c r="AC51"/>
      <c r="AD51"/>
      <c r="AE51"/>
      <c r="AF51"/>
      <c r="AG51"/>
      <c r="AH51"/>
      <c r="AI51"/>
      <c r="AJ51"/>
      <c r="AK51"/>
      <c r="AL51"/>
      <c r="AM51"/>
      <c r="AN51"/>
      <c r="AO51"/>
      <c r="AP51"/>
      <c r="AQ51"/>
      <c r="AR51"/>
      <c r="AS51"/>
      <c r="AT51"/>
      <c r="AU51"/>
      <c r="AV51"/>
      <c r="AW51"/>
      <c r="AX51"/>
      <c r="AY51"/>
      <c r="AZ51"/>
    </row>
    <row r="52" spans="1:52" s="119" customFormat="1" ht="26.4" customHeight="1">
      <c r="A52" s="18">
        <f t="shared" si="1"/>
        <v>45</v>
      </c>
      <c r="B52" s="4"/>
      <c r="C52" s="22"/>
      <c r="D52" s="4"/>
      <c r="E52" s="122" t="s">
        <v>121</v>
      </c>
      <c r="F52" s="15" t="s">
        <v>124</v>
      </c>
      <c r="G52" s="7">
        <v>462000</v>
      </c>
      <c r="H52" s="7">
        <v>514800</v>
      </c>
      <c r="I52" s="7">
        <f t="shared" ref="I52" si="4">+H52-G52</f>
        <v>52800</v>
      </c>
      <c r="J52" s="16"/>
      <c r="K52" s="17"/>
      <c r="L52"/>
      <c r="M52"/>
      <c r="N52"/>
      <c r="O52"/>
      <c r="P52"/>
      <c r="Q52"/>
      <c r="R52"/>
      <c r="S52"/>
      <c r="T52"/>
      <c r="U52"/>
      <c r="V52"/>
      <c r="W52"/>
      <c r="X52"/>
      <c r="Y52"/>
      <c r="Z52"/>
      <c r="AA52"/>
      <c r="AB52"/>
      <c r="AC52"/>
      <c r="AD52"/>
      <c r="AE52"/>
      <c r="AF52"/>
      <c r="AG52"/>
      <c r="AH52"/>
      <c r="AI52"/>
      <c r="AJ52"/>
      <c r="AK52"/>
      <c r="AL52"/>
      <c r="AM52"/>
      <c r="AN52"/>
      <c r="AO52"/>
      <c r="AP52"/>
      <c r="AQ52"/>
      <c r="AR52"/>
      <c r="AS52"/>
      <c r="AT52"/>
      <c r="AU52"/>
      <c r="AV52"/>
      <c r="AW52"/>
      <c r="AX52"/>
      <c r="AY52"/>
      <c r="AZ52"/>
    </row>
    <row r="53" spans="1:52" ht="26.4" customHeight="1">
      <c r="A53" s="18">
        <f>A52+1</f>
        <v>46</v>
      </c>
      <c r="B53" s="4"/>
      <c r="C53" s="128" t="s">
        <v>21</v>
      </c>
      <c r="D53" s="129"/>
      <c r="E53" s="130"/>
      <c r="F53" s="1"/>
      <c r="G53" s="6">
        <f>SUM(G54)</f>
        <v>166</v>
      </c>
      <c r="H53" s="6">
        <f>SUM(H54)</f>
        <v>266</v>
      </c>
      <c r="I53" s="7">
        <f t="shared" si="3"/>
        <v>100</v>
      </c>
      <c r="J53" s="8"/>
      <c r="K53" s="9"/>
      <c r="L53"/>
      <c r="M53"/>
      <c r="N53"/>
      <c r="O53"/>
      <c r="P53"/>
      <c r="Q53"/>
      <c r="R53"/>
      <c r="S53"/>
      <c r="T53"/>
      <c r="U53"/>
      <c r="V53"/>
      <c r="W53"/>
      <c r="X53"/>
      <c r="Y53"/>
      <c r="Z53"/>
      <c r="AA53"/>
      <c r="AB53"/>
      <c r="AC53"/>
      <c r="AD53"/>
      <c r="AE53"/>
      <c r="AF53"/>
      <c r="AG53"/>
      <c r="AH53"/>
      <c r="AI53"/>
      <c r="AJ53"/>
      <c r="AK53"/>
      <c r="AL53"/>
      <c r="AM53"/>
      <c r="AN53"/>
      <c r="AO53"/>
      <c r="AP53"/>
      <c r="AQ53"/>
      <c r="AR53"/>
      <c r="AS53"/>
      <c r="AT53"/>
      <c r="AU53"/>
      <c r="AV53"/>
      <c r="AW53"/>
      <c r="AX53"/>
      <c r="AY53"/>
      <c r="AZ53"/>
    </row>
    <row r="54" spans="1:52" ht="26.4" customHeight="1">
      <c r="A54" s="18">
        <f t="shared" si="1"/>
        <v>47</v>
      </c>
      <c r="B54" s="4"/>
      <c r="C54" s="20"/>
      <c r="D54" s="128" t="s">
        <v>22</v>
      </c>
      <c r="E54" s="130"/>
      <c r="F54" s="5"/>
      <c r="G54" s="6">
        <f>SUM(G55)</f>
        <v>166</v>
      </c>
      <c r="H54" s="6">
        <f>SUM(H55)</f>
        <v>266</v>
      </c>
      <c r="I54" s="7">
        <f t="shared" si="3"/>
        <v>100</v>
      </c>
      <c r="J54" s="8"/>
      <c r="K54" s="9"/>
      <c r="L54"/>
      <c r="M54"/>
      <c r="N54"/>
      <c r="O54"/>
      <c r="P54"/>
      <c r="Q54"/>
      <c r="R54"/>
      <c r="S54"/>
      <c r="T54"/>
      <c r="U54"/>
      <c r="V54"/>
      <c r="W54"/>
      <c r="X54"/>
      <c r="Y54"/>
      <c r="Z54"/>
      <c r="AA54"/>
      <c r="AB54"/>
      <c r="AC54"/>
      <c r="AD54"/>
      <c r="AE54"/>
      <c r="AF54"/>
      <c r="AG54"/>
      <c r="AH54"/>
      <c r="AI54"/>
      <c r="AJ54"/>
      <c r="AK54"/>
      <c r="AL54"/>
      <c r="AM54"/>
      <c r="AN54"/>
      <c r="AO54"/>
      <c r="AP54"/>
      <c r="AQ54"/>
      <c r="AR54"/>
      <c r="AS54"/>
      <c r="AT54"/>
      <c r="AU54"/>
      <c r="AV54"/>
      <c r="AW54"/>
      <c r="AX54"/>
      <c r="AY54"/>
      <c r="AZ54"/>
    </row>
    <row r="55" spans="1:52" ht="26.4" customHeight="1">
      <c r="A55" s="18">
        <f t="shared" si="1"/>
        <v>48</v>
      </c>
      <c r="B55" s="4"/>
      <c r="C55" s="23"/>
      <c r="D55" s="20"/>
      <c r="E55" s="121" t="s">
        <v>23</v>
      </c>
      <c r="F55" s="5" t="s">
        <v>39</v>
      </c>
      <c r="G55" s="6">
        <v>166</v>
      </c>
      <c r="H55" s="6">
        <v>266</v>
      </c>
      <c r="I55" s="7">
        <f t="shared" si="3"/>
        <v>100</v>
      </c>
      <c r="J55" s="8"/>
      <c r="K55" s="9"/>
      <c r="L55"/>
      <c r="M55"/>
      <c r="N55"/>
      <c r="O55"/>
      <c r="P55"/>
      <c r="Q55"/>
      <c r="R55"/>
      <c r="S55"/>
      <c r="T55"/>
      <c r="U55"/>
      <c r="V55"/>
      <c r="W55"/>
      <c r="X55"/>
      <c r="Y55"/>
      <c r="Z55"/>
      <c r="AA55"/>
      <c r="AB55"/>
      <c r="AC55"/>
      <c r="AD55"/>
      <c r="AE55"/>
      <c r="AF55"/>
      <c r="AG55"/>
      <c r="AH55"/>
      <c r="AI55"/>
      <c r="AJ55"/>
      <c r="AK55"/>
      <c r="AL55"/>
      <c r="AM55"/>
      <c r="AN55"/>
      <c r="AO55"/>
      <c r="AP55"/>
      <c r="AQ55"/>
      <c r="AR55"/>
      <c r="AS55"/>
      <c r="AT55"/>
      <c r="AU55"/>
      <c r="AV55"/>
      <c r="AW55"/>
      <c r="AX55"/>
      <c r="AY55"/>
      <c r="AZ55"/>
    </row>
    <row r="56" spans="1:52" ht="26.4" customHeight="1">
      <c r="A56" s="18">
        <f t="shared" si="1"/>
        <v>49</v>
      </c>
      <c r="B56" s="124" t="s">
        <v>136</v>
      </c>
      <c r="C56" s="131"/>
      <c r="D56" s="131"/>
      <c r="E56" s="125"/>
      <c r="F56" s="3"/>
      <c r="G56" s="24">
        <f t="shared" ref="G56:H58" si="5">SUM(G57)</f>
        <v>52000</v>
      </c>
      <c r="H56" s="24">
        <f t="shared" si="5"/>
        <v>6500</v>
      </c>
      <c r="I56" s="7">
        <f t="shared" si="3"/>
        <v>-45500</v>
      </c>
      <c r="J56" s="60"/>
      <c r="K56" s="61"/>
      <c r="L56"/>
      <c r="M56"/>
      <c r="N56"/>
      <c r="O56"/>
      <c r="P56"/>
      <c r="Q56"/>
      <c r="R56"/>
      <c r="S56"/>
      <c r="T56"/>
      <c r="U56"/>
      <c r="V56"/>
      <c r="W56"/>
      <c r="X56"/>
      <c r="Y56"/>
      <c r="Z56"/>
      <c r="AA56"/>
      <c r="AB56"/>
      <c r="AC56"/>
      <c r="AD56"/>
      <c r="AE56"/>
      <c r="AF56"/>
      <c r="AG56"/>
      <c r="AH56"/>
      <c r="AI56"/>
      <c r="AJ56"/>
      <c r="AK56"/>
      <c r="AL56"/>
      <c r="AM56"/>
      <c r="AN56"/>
      <c r="AO56"/>
      <c r="AP56"/>
      <c r="AQ56"/>
      <c r="AR56"/>
      <c r="AS56"/>
      <c r="AT56"/>
      <c r="AU56"/>
      <c r="AV56"/>
      <c r="AW56"/>
      <c r="AX56"/>
      <c r="AY56"/>
      <c r="AZ56"/>
    </row>
    <row r="57" spans="1:52" ht="26.4" customHeight="1">
      <c r="A57" s="18">
        <f t="shared" si="1"/>
        <v>50</v>
      </c>
      <c r="B57" s="20"/>
      <c r="C57" s="128" t="s">
        <v>84</v>
      </c>
      <c r="D57" s="129"/>
      <c r="E57" s="130"/>
      <c r="F57" s="1"/>
      <c r="G57" s="6">
        <f t="shared" si="5"/>
        <v>52000</v>
      </c>
      <c r="H57" s="6">
        <f t="shared" si="5"/>
        <v>6500</v>
      </c>
      <c r="I57" s="6">
        <f t="shared" si="3"/>
        <v>-45500</v>
      </c>
      <c r="J57" s="8"/>
      <c r="K57" s="9"/>
      <c r="L57"/>
      <c r="M57"/>
      <c r="N57"/>
      <c r="O57"/>
      <c r="P57"/>
      <c r="Q57"/>
      <c r="R57"/>
      <c r="S57"/>
      <c r="T57"/>
      <c r="U57"/>
      <c r="V57"/>
      <c r="W57"/>
      <c r="X57"/>
      <c r="Y57"/>
      <c r="Z57"/>
      <c r="AA57"/>
      <c r="AB57"/>
      <c r="AC57"/>
      <c r="AD57"/>
      <c r="AE57"/>
      <c r="AF57"/>
      <c r="AG57"/>
      <c r="AH57"/>
      <c r="AI57"/>
      <c r="AJ57"/>
      <c r="AK57"/>
      <c r="AL57"/>
      <c r="AM57"/>
      <c r="AN57"/>
      <c r="AO57"/>
      <c r="AP57"/>
      <c r="AQ57"/>
      <c r="AR57"/>
      <c r="AS57"/>
      <c r="AT57"/>
      <c r="AU57"/>
      <c r="AV57"/>
      <c r="AW57"/>
      <c r="AX57"/>
      <c r="AY57"/>
      <c r="AZ57"/>
    </row>
    <row r="58" spans="1:52" ht="26.4" customHeight="1">
      <c r="A58" s="18">
        <f t="shared" si="1"/>
        <v>51</v>
      </c>
      <c r="B58" s="4"/>
      <c r="C58" s="4"/>
      <c r="D58" s="126" t="s">
        <v>85</v>
      </c>
      <c r="E58" s="127"/>
      <c r="F58" s="15"/>
      <c r="G58" s="7">
        <f t="shared" si="5"/>
        <v>52000</v>
      </c>
      <c r="H58" s="7">
        <f t="shared" si="5"/>
        <v>6500</v>
      </c>
      <c r="I58" s="7">
        <f t="shared" si="3"/>
        <v>-45500</v>
      </c>
      <c r="J58" s="16"/>
      <c r="K58" s="17"/>
      <c r="L58"/>
      <c r="M58"/>
      <c r="N58"/>
      <c r="O58"/>
      <c r="P58"/>
      <c r="Q58"/>
      <c r="R58"/>
      <c r="S58"/>
      <c r="T58"/>
      <c r="U58"/>
      <c r="V58"/>
      <c r="W58"/>
      <c r="X58"/>
      <c r="Y58"/>
      <c r="Z58"/>
      <c r="AA58"/>
      <c r="AB58"/>
      <c r="AC58"/>
      <c r="AD58"/>
      <c r="AE58"/>
      <c r="AF58"/>
      <c r="AG58"/>
      <c r="AH58"/>
      <c r="AI58"/>
      <c r="AJ58"/>
      <c r="AK58"/>
      <c r="AL58"/>
      <c r="AM58"/>
      <c r="AN58"/>
      <c r="AO58"/>
      <c r="AP58"/>
      <c r="AQ58"/>
      <c r="AR58"/>
      <c r="AS58"/>
      <c r="AT58"/>
      <c r="AU58"/>
      <c r="AV58"/>
      <c r="AW58"/>
      <c r="AX58"/>
      <c r="AY58"/>
      <c r="AZ58"/>
    </row>
    <row r="59" spans="1:52" ht="26.4" customHeight="1">
      <c r="A59" s="18">
        <f t="shared" si="1"/>
        <v>52</v>
      </c>
      <c r="B59" s="4"/>
      <c r="C59" s="4"/>
      <c r="D59" s="20"/>
      <c r="E59" s="21" t="s">
        <v>86</v>
      </c>
      <c r="F59" s="21" t="s">
        <v>127</v>
      </c>
      <c r="G59" s="6">
        <v>52000</v>
      </c>
      <c r="H59" s="6">
        <v>6500</v>
      </c>
      <c r="I59" s="7">
        <f t="shared" si="3"/>
        <v>-45500</v>
      </c>
      <c r="J59" s="8"/>
      <c r="K59" s="9"/>
      <c r="L59"/>
      <c r="M59"/>
      <c r="N59"/>
      <c r="O59"/>
      <c r="P59"/>
      <c r="Q59"/>
      <c r="R59"/>
      <c r="S59"/>
      <c r="T59"/>
      <c r="U59"/>
      <c r="V59"/>
      <c r="W59"/>
      <c r="X59"/>
      <c r="Y59"/>
      <c r="Z59"/>
      <c r="AA59"/>
      <c r="AB59"/>
      <c r="AC59"/>
      <c r="AD59"/>
      <c r="AE59"/>
      <c r="AF59"/>
      <c r="AG59"/>
      <c r="AH59"/>
      <c r="AI59"/>
      <c r="AJ59"/>
      <c r="AK59"/>
      <c r="AL59"/>
      <c r="AM59"/>
      <c r="AN59"/>
      <c r="AO59"/>
      <c r="AP59"/>
      <c r="AQ59"/>
      <c r="AR59"/>
      <c r="AS59"/>
      <c r="AT59"/>
      <c r="AU59"/>
      <c r="AV59"/>
      <c r="AW59"/>
      <c r="AX59"/>
      <c r="AY59"/>
      <c r="AZ59"/>
    </row>
    <row r="60" spans="1:52" ht="26.4" customHeight="1">
      <c r="A60" s="18">
        <f t="shared" si="1"/>
        <v>53</v>
      </c>
      <c r="B60" s="128" t="s">
        <v>137</v>
      </c>
      <c r="C60" s="129"/>
      <c r="D60" s="129"/>
      <c r="E60" s="130"/>
      <c r="F60" s="1"/>
      <c r="G60" s="6">
        <f>SUM(G62,G64)</f>
        <v>81325</v>
      </c>
      <c r="H60" s="6">
        <f>SUM(H62,H64)</f>
        <v>73479</v>
      </c>
      <c r="I60" s="7">
        <f t="shared" si="3"/>
        <v>-7846</v>
      </c>
      <c r="J60" s="8"/>
      <c r="K60" s="58"/>
      <c r="L60"/>
      <c r="M60"/>
      <c r="N60"/>
      <c r="O60"/>
      <c r="P60"/>
      <c r="Q60"/>
      <c r="R60"/>
      <c r="S60"/>
      <c r="T60"/>
      <c r="U60"/>
      <c r="V60"/>
      <c r="W60"/>
      <c r="X60"/>
      <c r="Y60"/>
      <c r="Z60"/>
      <c r="AA60"/>
      <c r="AB60"/>
      <c r="AC60"/>
      <c r="AD60"/>
      <c r="AE60"/>
      <c r="AF60"/>
      <c r="AG60"/>
      <c r="AH60"/>
      <c r="AI60"/>
      <c r="AJ60"/>
      <c r="AK60"/>
      <c r="AL60"/>
      <c r="AM60"/>
      <c r="AN60"/>
      <c r="AO60"/>
      <c r="AP60"/>
      <c r="AQ60"/>
      <c r="AR60"/>
      <c r="AS60"/>
      <c r="AT60"/>
      <c r="AU60"/>
      <c r="AV60"/>
      <c r="AW60"/>
      <c r="AX60"/>
      <c r="AY60"/>
      <c r="AZ60"/>
    </row>
    <row r="61" spans="1:52" ht="26.4" customHeight="1">
      <c r="A61" s="18">
        <f t="shared" si="1"/>
        <v>54</v>
      </c>
      <c r="B61" s="25"/>
      <c r="C61" s="135" t="s">
        <v>81</v>
      </c>
      <c r="D61" s="136"/>
      <c r="E61" s="137"/>
      <c r="F61" s="1"/>
      <c r="G61" s="6">
        <f>SUM(G62,G64)</f>
        <v>81325</v>
      </c>
      <c r="H61" s="6">
        <f>SUM(H62,H64)</f>
        <v>73479</v>
      </c>
      <c r="I61" s="6">
        <f>SUM(I62,I64)</f>
        <v>-7846</v>
      </c>
      <c r="J61" s="8"/>
      <c r="K61" s="58"/>
      <c r="L61"/>
      <c r="M61"/>
      <c r="N61"/>
      <c r="O61"/>
      <c r="P61"/>
      <c r="Q61"/>
      <c r="R61"/>
      <c r="S61"/>
      <c r="T61"/>
      <c r="U61"/>
      <c r="V61"/>
      <c r="W61"/>
      <c r="X61"/>
      <c r="Y61"/>
      <c r="Z61"/>
      <c r="AA61"/>
      <c r="AB61"/>
      <c r="AC61"/>
      <c r="AD61"/>
      <c r="AE61"/>
      <c r="AF61"/>
      <c r="AG61"/>
      <c r="AH61"/>
      <c r="AI61"/>
      <c r="AJ61"/>
      <c r="AK61"/>
      <c r="AL61"/>
      <c r="AM61"/>
      <c r="AN61"/>
      <c r="AO61"/>
      <c r="AP61"/>
      <c r="AQ61"/>
      <c r="AR61"/>
      <c r="AS61"/>
      <c r="AT61"/>
      <c r="AU61"/>
      <c r="AV61"/>
      <c r="AW61"/>
      <c r="AX61"/>
      <c r="AY61"/>
      <c r="AZ61"/>
    </row>
    <row r="62" spans="1:52" ht="26.4" customHeight="1">
      <c r="A62" s="18">
        <f t="shared" si="1"/>
        <v>55</v>
      </c>
      <c r="B62" s="4"/>
      <c r="C62" s="4"/>
      <c r="D62" s="126" t="s">
        <v>138</v>
      </c>
      <c r="E62" s="127"/>
      <c r="F62" s="5"/>
      <c r="G62" s="6">
        <f>SUM(G63)</f>
        <v>65405</v>
      </c>
      <c r="H62" s="6">
        <f>SUM(H63)</f>
        <v>22379</v>
      </c>
      <c r="I62" s="7">
        <f t="shared" si="3"/>
        <v>-43026</v>
      </c>
      <c r="J62" s="8"/>
      <c r="K62" s="9"/>
      <c r="L62"/>
      <c r="M62"/>
      <c r="N62"/>
      <c r="O62"/>
      <c r="P62"/>
      <c r="Q62"/>
      <c r="R62"/>
      <c r="S62"/>
      <c r="T62"/>
      <c r="U62"/>
      <c r="V62"/>
      <c r="W62"/>
      <c r="X62"/>
      <c r="Y62"/>
      <c r="Z62"/>
      <c r="AA62"/>
      <c r="AB62"/>
      <c r="AC62"/>
      <c r="AD62"/>
      <c r="AE62"/>
      <c r="AF62"/>
      <c r="AG62"/>
      <c r="AH62"/>
      <c r="AI62"/>
      <c r="AJ62"/>
      <c r="AK62"/>
      <c r="AL62"/>
      <c r="AM62"/>
      <c r="AN62"/>
      <c r="AO62"/>
      <c r="AP62"/>
      <c r="AQ62"/>
      <c r="AR62"/>
      <c r="AS62"/>
      <c r="AT62"/>
      <c r="AU62"/>
      <c r="AV62"/>
      <c r="AW62"/>
      <c r="AX62"/>
      <c r="AY62"/>
      <c r="AZ62"/>
    </row>
    <row r="63" spans="1:52" ht="26.4" customHeight="1">
      <c r="A63" s="18">
        <f t="shared" si="1"/>
        <v>56</v>
      </c>
      <c r="B63" s="4"/>
      <c r="C63" s="4"/>
      <c r="D63" s="20"/>
      <c r="E63" s="121" t="s">
        <v>24</v>
      </c>
      <c r="F63" s="5" t="s">
        <v>42</v>
      </c>
      <c r="G63" s="6">
        <v>65405</v>
      </c>
      <c r="H63" s="6">
        <v>22379</v>
      </c>
      <c r="I63" s="7">
        <f t="shared" si="3"/>
        <v>-43026</v>
      </c>
      <c r="J63" s="8"/>
      <c r="K63" s="9"/>
      <c r="L63"/>
      <c r="M63"/>
      <c r="N63"/>
      <c r="O63"/>
      <c r="P63"/>
      <c r="Q63"/>
      <c r="R63"/>
      <c r="S63"/>
      <c r="T63"/>
      <c r="U63"/>
      <c r="V63"/>
      <c r="W63"/>
      <c r="X63"/>
      <c r="Y63"/>
      <c r="Z63"/>
      <c r="AA63"/>
      <c r="AB63"/>
      <c r="AC63"/>
      <c r="AD63"/>
      <c r="AE63"/>
      <c r="AF63"/>
      <c r="AG63"/>
      <c r="AH63"/>
      <c r="AI63"/>
      <c r="AJ63"/>
      <c r="AK63"/>
      <c r="AL63"/>
      <c r="AM63"/>
      <c r="AN63"/>
      <c r="AO63"/>
      <c r="AP63"/>
      <c r="AQ63"/>
      <c r="AR63"/>
      <c r="AS63"/>
      <c r="AT63"/>
      <c r="AU63"/>
      <c r="AV63"/>
      <c r="AW63"/>
      <c r="AX63"/>
      <c r="AY63"/>
      <c r="AZ63"/>
    </row>
    <row r="64" spans="1:52" ht="26.4" customHeight="1">
      <c r="A64" s="67">
        <f t="shared" si="1"/>
        <v>57</v>
      </c>
      <c r="B64" s="4"/>
      <c r="C64" s="4"/>
      <c r="D64" s="124" t="s">
        <v>126</v>
      </c>
      <c r="E64" s="125"/>
      <c r="F64" s="64"/>
      <c r="G64" s="24">
        <f>SUM(G65)</f>
        <v>15920</v>
      </c>
      <c r="H64" s="24">
        <f>SUM(H65)</f>
        <v>51100</v>
      </c>
      <c r="I64" s="65">
        <f t="shared" si="3"/>
        <v>35180</v>
      </c>
      <c r="J64" s="60"/>
      <c r="K64" s="66"/>
      <c r="L64"/>
      <c r="M64"/>
      <c r="N64"/>
      <c r="O64"/>
      <c r="P64"/>
      <c r="Q64"/>
      <c r="R64"/>
      <c r="S64"/>
      <c r="T64"/>
      <c r="U64"/>
      <c r="V64"/>
      <c r="W64"/>
      <c r="X64"/>
      <c r="Y64"/>
      <c r="Z64"/>
      <c r="AA64"/>
      <c r="AB64"/>
      <c r="AC64"/>
      <c r="AD64"/>
      <c r="AE64"/>
      <c r="AF64"/>
      <c r="AG64"/>
      <c r="AH64"/>
      <c r="AI64"/>
      <c r="AJ64"/>
      <c r="AK64"/>
      <c r="AL64"/>
      <c r="AM64"/>
      <c r="AN64"/>
      <c r="AO64"/>
      <c r="AP64"/>
      <c r="AQ64"/>
      <c r="AR64"/>
      <c r="AS64"/>
      <c r="AT64"/>
      <c r="AU64"/>
      <c r="AV64"/>
      <c r="AW64"/>
      <c r="AX64"/>
      <c r="AY64"/>
      <c r="AZ64"/>
    </row>
    <row r="65" spans="1:52" ht="26.4" customHeight="1">
      <c r="A65" s="18">
        <f t="shared" si="1"/>
        <v>58</v>
      </c>
      <c r="B65" s="22"/>
      <c r="C65" s="22"/>
      <c r="D65" s="26"/>
      <c r="E65" s="21" t="s">
        <v>25</v>
      </c>
      <c r="F65" s="21" t="s">
        <v>43</v>
      </c>
      <c r="G65" s="6">
        <v>15920</v>
      </c>
      <c r="H65" s="6">
        <v>51100</v>
      </c>
      <c r="I65" s="6">
        <f t="shared" si="3"/>
        <v>35180</v>
      </c>
      <c r="J65" s="8"/>
      <c r="K65" s="9"/>
      <c r="L65"/>
      <c r="M65"/>
      <c r="N65"/>
      <c r="O65"/>
      <c r="P65"/>
      <c r="Q65"/>
      <c r="R65"/>
      <c r="S65"/>
      <c r="T65"/>
      <c r="U65"/>
      <c r="V65"/>
      <c r="W65"/>
      <c r="X65"/>
      <c r="Y65"/>
      <c r="Z65"/>
      <c r="AA65"/>
      <c r="AB65"/>
      <c r="AC65"/>
      <c r="AD65"/>
      <c r="AE65"/>
      <c r="AF65"/>
      <c r="AG65"/>
      <c r="AH65"/>
      <c r="AI65"/>
      <c r="AJ65"/>
      <c r="AK65"/>
      <c r="AL65"/>
      <c r="AM65"/>
      <c r="AN65"/>
      <c r="AO65"/>
      <c r="AP65"/>
      <c r="AQ65"/>
      <c r="AR65"/>
      <c r="AS65"/>
      <c r="AT65"/>
      <c r="AU65"/>
      <c r="AV65"/>
      <c r="AW65"/>
      <c r="AX65"/>
      <c r="AY65"/>
      <c r="AZ65"/>
    </row>
    <row r="66" spans="1:52" ht="26.4" customHeight="1">
      <c r="A66" s="18">
        <f t="shared" si="1"/>
        <v>59</v>
      </c>
      <c r="B66" s="128" t="s">
        <v>139</v>
      </c>
      <c r="C66" s="129"/>
      <c r="D66" s="129"/>
      <c r="E66" s="130"/>
      <c r="F66" s="1"/>
      <c r="G66" s="6">
        <f>SUM(G67,G70,G75)</f>
        <v>3879400</v>
      </c>
      <c r="H66" s="6">
        <f>SUM(H67,H70,H75)</f>
        <v>3346584</v>
      </c>
      <c r="I66" s="7">
        <f t="shared" si="3"/>
        <v>-532816</v>
      </c>
      <c r="J66" s="8"/>
      <c r="K66" s="58"/>
      <c r="L66"/>
      <c r="M66"/>
      <c r="N66"/>
      <c r="O66"/>
      <c r="P66"/>
      <c r="Q66"/>
      <c r="R66"/>
      <c r="S66"/>
      <c r="T66"/>
      <c r="U66"/>
      <c r="V66"/>
      <c r="W66"/>
      <c r="X66"/>
      <c r="Y66"/>
      <c r="Z66"/>
      <c r="AA66"/>
      <c r="AB66"/>
      <c r="AC66"/>
      <c r="AD66"/>
      <c r="AE66"/>
      <c r="AF66"/>
      <c r="AG66"/>
      <c r="AH66"/>
      <c r="AI66"/>
      <c r="AJ66"/>
      <c r="AK66"/>
      <c r="AL66"/>
      <c r="AM66"/>
      <c r="AN66"/>
      <c r="AO66"/>
      <c r="AP66"/>
      <c r="AQ66"/>
      <c r="AR66"/>
      <c r="AS66"/>
      <c r="AT66"/>
      <c r="AU66"/>
      <c r="AV66"/>
      <c r="AW66"/>
      <c r="AX66"/>
      <c r="AY66"/>
      <c r="AZ66"/>
    </row>
    <row r="67" spans="1:52" ht="26.4" customHeight="1">
      <c r="A67" s="18">
        <f t="shared" si="1"/>
        <v>60</v>
      </c>
      <c r="B67" s="4"/>
      <c r="C67" s="126" t="s">
        <v>26</v>
      </c>
      <c r="D67" s="132"/>
      <c r="E67" s="127"/>
      <c r="F67" s="2"/>
      <c r="G67" s="7">
        <f t="shared" ref="G67:I67" si="6">SUM(G68)</f>
        <v>6898</v>
      </c>
      <c r="H67" s="7">
        <f t="shared" si="6"/>
        <v>6820</v>
      </c>
      <c r="I67" s="7">
        <f t="shared" si="6"/>
        <v>-78</v>
      </c>
      <c r="J67" s="16"/>
      <c r="K67" s="17"/>
      <c r="L67"/>
      <c r="M67"/>
      <c r="N67"/>
      <c r="O67"/>
      <c r="P67"/>
      <c r="Q67"/>
      <c r="R67"/>
      <c r="S67"/>
      <c r="T67"/>
      <c r="U67"/>
      <c r="V67"/>
      <c r="W67"/>
      <c r="X67"/>
      <c r="Y67"/>
      <c r="Z67"/>
      <c r="AA67"/>
      <c r="AB67"/>
      <c r="AC67"/>
      <c r="AD67"/>
      <c r="AE67"/>
      <c r="AF67"/>
      <c r="AG67"/>
      <c r="AH67"/>
      <c r="AI67"/>
      <c r="AJ67"/>
      <c r="AK67"/>
      <c r="AL67"/>
      <c r="AM67"/>
      <c r="AN67"/>
      <c r="AO67"/>
      <c r="AP67"/>
      <c r="AQ67"/>
      <c r="AR67"/>
      <c r="AS67"/>
      <c r="AT67"/>
      <c r="AU67"/>
      <c r="AV67"/>
      <c r="AW67"/>
      <c r="AX67"/>
      <c r="AY67"/>
      <c r="AZ67"/>
    </row>
    <row r="68" spans="1:52" ht="26.4" customHeight="1">
      <c r="A68" s="18">
        <f t="shared" si="1"/>
        <v>61</v>
      </c>
      <c r="B68" s="4"/>
      <c r="C68" s="4"/>
      <c r="D68" s="126" t="s">
        <v>27</v>
      </c>
      <c r="E68" s="127"/>
      <c r="F68" s="15"/>
      <c r="G68" s="7">
        <f>SUM(G69)</f>
        <v>6898</v>
      </c>
      <c r="H68" s="7">
        <f>SUM(H69)</f>
        <v>6820</v>
      </c>
      <c r="I68" s="7">
        <f t="shared" si="3"/>
        <v>-78</v>
      </c>
      <c r="J68" s="16"/>
      <c r="K68" s="17"/>
      <c r="L68"/>
      <c r="M68"/>
      <c r="N68"/>
      <c r="O68"/>
      <c r="P68"/>
      <c r="Q68"/>
      <c r="R68"/>
      <c r="S68"/>
      <c r="T68"/>
      <c r="U68"/>
      <c r="V68"/>
      <c r="W68"/>
      <c r="X68"/>
      <c r="Y68"/>
      <c r="Z68"/>
      <c r="AA68"/>
      <c r="AB68"/>
      <c r="AC68"/>
      <c r="AD68"/>
      <c r="AE68"/>
      <c r="AF68"/>
      <c r="AG68"/>
      <c r="AH68"/>
      <c r="AI68"/>
      <c r="AJ68"/>
      <c r="AK68"/>
      <c r="AL68"/>
      <c r="AM68"/>
      <c r="AN68"/>
      <c r="AO68"/>
      <c r="AP68"/>
      <c r="AQ68"/>
      <c r="AR68"/>
      <c r="AS68"/>
      <c r="AT68"/>
      <c r="AU68"/>
      <c r="AV68"/>
      <c r="AW68"/>
      <c r="AX68"/>
      <c r="AY68"/>
      <c r="AZ68"/>
    </row>
    <row r="69" spans="1:52" ht="26.4" customHeight="1">
      <c r="A69" s="18">
        <f t="shared" si="1"/>
        <v>62</v>
      </c>
      <c r="B69" s="22"/>
      <c r="C69" s="22"/>
      <c r="D69" s="22"/>
      <c r="E69" s="122" t="s">
        <v>28</v>
      </c>
      <c r="F69" s="15" t="s">
        <v>55</v>
      </c>
      <c r="G69" s="7">
        <v>6898</v>
      </c>
      <c r="H69" s="7">
        <v>6820</v>
      </c>
      <c r="I69" s="7">
        <f t="shared" ref="I69:I91" si="7">+H69-G69</f>
        <v>-78</v>
      </c>
      <c r="J69" s="16"/>
      <c r="K69" s="17"/>
      <c r="L69"/>
      <c r="M69"/>
      <c r="N69"/>
      <c r="O69"/>
      <c r="P69"/>
      <c r="Q69"/>
      <c r="R69"/>
      <c r="S69"/>
      <c r="T69"/>
      <c r="U69"/>
      <c r="V69"/>
      <c r="W69"/>
      <c r="X69"/>
      <c r="Y69"/>
      <c r="Z69"/>
      <c r="AA69"/>
      <c r="AB69"/>
      <c r="AC69"/>
      <c r="AD69"/>
      <c r="AE69"/>
      <c r="AF69"/>
      <c r="AG69"/>
      <c r="AH69"/>
      <c r="AI69"/>
      <c r="AJ69"/>
      <c r="AK69"/>
      <c r="AL69"/>
      <c r="AM69"/>
      <c r="AN69"/>
      <c r="AO69"/>
      <c r="AP69"/>
      <c r="AQ69"/>
      <c r="AR69"/>
      <c r="AS69"/>
      <c r="AT69"/>
      <c r="AU69"/>
      <c r="AV69"/>
      <c r="AW69"/>
      <c r="AX69"/>
      <c r="AY69"/>
      <c r="AZ69"/>
    </row>
    <row r="70" spans="1:52" ht="26.4" customHeight="1">
      <c r="A70" s="120">
        <f t="shared" si="1"/>
        <v>63</v>
      </c>
      <c r="B70" s="4"/>
      <c r="C70" s="126" t="s">
        <v>29</v>
      </c>
      <c r="D70" s="132"/>
      <c r="E70" s="127"/>
      <c r="F70" s="1"/>
      <c r="G70" s="6">
        <f>SUM(G71)</f>
        <v>1371388</v>
      </c>
      <c r="H70" s="6">
        <f>SUM(H71)</f>
        <v>1431056</v>
      </c>
      <c r="I70" s="6">
        <f t="shared" si="7"/>
        <v>59668</v>
      </c>
      <c r="J70" s="8"/>
      <c r="K70" s="9"/>
      <c r="L70"/>
      <c r="M70"/>
      <c r="N70"/>
      <c r="O70"/>
      <c r="P70"/>
      <c r="Q70"/>
      <c r="R70"/>
      <c r="S70"/>
      <c r="T70"/>
      <c r="U70"/>
      <c r="V70"/>
      <c r="W70"/>
      <c r="X70"/>
      <c r="Y70"/>
      <c r="Z70"/>
      <c r="AA70"/>
      <c r="AB70"/>
      <c r="AC70"/>
      <c r="AD70"/>
      <c r="AE70"/>
      <c r="AF70"/>
      <c r="AG70"/>
      <c r="AH70"/>
      <c r="AI70"/>
      <c r="AJ70"/>
      <c r="AK70"/>
      <c r="AL70"/>
      <c r="AM70"/>
      <c r="AN70"/>
      <c r="AO70"/>
      <c r="AP70"/>
      <c r="AQ70"/>
      <c r="AR70"/>
      <c r="AS70"/>
      <c r="AT70"/>
      <c r="AU70"/>
      <c r="AV70"/>
      <c r="AW70"/>
      <c r="AX70"/>
      <c r="AY70"/>
      <c r="AZ70"/>
    </row>
    <row r="71" spans="1:52" ht="26.4" customHeight="1">
      <c r="A71" s="18">
        <f t="shared" si="1"/>
        <v>64</v>
      </c>
      <c r="B71" s="4"/>
      <c r="C71" s="20"/>
      <c r="D71" s="128" t="s">
        <v>87</v>
      </c>
      <c r="E71" s="130"/>
      <c r="F71" s="5"/>
      <c r="G71" s="6">
        <f>SUM(G72:G74)</f>
        <v>1371388</v>
      </c>
      <c r="H71" s="6">
        <f>SUM(H72:H74)</f>
        <v>1431056</v>
      </c>
      <c r="I71" s="7">
        <f t="shared" si="7"/>
        <v>59668</v>
      </c>
      <c r="J71" s="8"/>
      <c r="K71" s="9"/>
      <c r="L71"/>
      <c r="M71"/>
      <c r="N71"/>
      <c r="O71"/>
      <c r="P71"/>
      <c r="Q71"/>
      <c r="R71"/>
      <c r="S71"/>
      <c r="T71"/>
      <c r="U71"/>
      <c r="V71"/>
      <c r="W71"/>
      <c r="X71"/>
      <c r="Y71"/>
      <c r="Z71"/>
      <c r="AA71"/>
      <c r="AB71"/>
      <c r="AC71"/>
      <c r="AD71"/>
      <c r="AE71"/>
      <c r="AF71"/>
      <c r="AG71"/>
      <c r="AH71"/>
      <c r="AI71"/>
      <c r="AJ71"/>
      <c r="AK71"/>
      <c r="AL71"/>
      <c r="AM71"/>
      <c r="AN71"/>
      <c r="AO71"/>
      <c r="AP71"/>
      <c r="AQ71"/>
      <c r="AR71"/>
      <c r="AS71"/>
      <c r="AT71"/>
      <c r="AU71"/>
      <c r="AV71"/>
      <c r="AW71"/>
      <c r="AX71"/>
      <c r="AY71"/>
      <c r="AZ71"/>
    </row>
    <row r="72" spans="1:52" ht="38.1" customHeight="1">
      <c r="A72" s="18">
        <f t="shared" si="1"/>
        <v>65</v>
      </c>
      <c r="B72" s="4"/>
      <c r="C72" s="4"/>
      <c r="D72" s="4"/>
      <c r="E72" s="14" t="s">
        <v>140</v>
      </c>
      <c r="F72" s="14" t="s">
        <v>88</v>
      </c>
      <c r="G72" s="7">
        <v>287464</v>
      </c>
      <c r="H72" s="7">
        <v>292067</v>
      </c>
      <c r="I72" s="7">
        <f t="shared" si="7"/>
        <v>4603</v>
      </c>
      <c r="J72" s="16"/>
      <c r="K72" s="17"/>
      <c r="L72" s="123"/>
      <c r="M72" s="123"/>
      <c r="N72" s="123"/>
      <c r="O72" s="123"/>
      <c r="P72" s="123"/>
      <c r="Q72" s="123"/>
      <c r="R72" s="123"/>
      <c r="S72" s="123"/>
      <c r="T72" s="123"/>
      <c r="U72" s="123"/>
      <c r="V72" s="123"/>
      <c r="W72" s="123"/>
      <c r="X72" s="123"/>
      <c r="Y72" s="123"/>
      <c r="Z72" s="123"/>
      <c r="AA72" s="123"/>
      <c r="AB72" s="123"/>
      <c r="AC72" s="123"/>
      <c r="AD72" s="123"/>
      <c r="AE72" s="123"/>
      <c r="AF72" s="123"/>
      <c r="AG72" s="123"/>
      <c r="AH72" s="123"/>
      <c r="AI72" s="123"/>
      <c r="AJ72" s="123"/>
      <c r="AK72" s="123"/>
      <c r="AL72" s="123"/>
      <c r="AM72" s="123"/>
      <c r="AN72" s="123"/>
      <c r="AO72" s="123"/>
      <c r="AP72" s="123"/>
      <c r="AQ72" s="123"/>
      <c r="AR72" s="123"/>
      <c r="AS72" s="123"/>
      <c r="AT72" s="123"/>
      <c r="AU72" s="123"/>
      <c r="AV72" s="123"/>
      <c r="AW72" s="123"/>
      <c r="AX72" s="123"/>
      <c r="AY72" s="123"/>
      <c r="AZ72" s="123"/>
    </row>
    <row r="73" spans="1:52" ht="38.1" customHeight="1">
      <c r="A73" s="18">
        <f t="shared" si="1"/>
        <v>66</v>
      </c>
      <c r="B73" s="4"/>
      <c r="C73" s="4"/>
      <c r="D73" s="4"/>
      <c r="E73" s="14" t="s">
        <v>141</v>
      </c>
      <c r="F73" s="14" t="s">
        <v>89</v>
      </c>
      <c r="G73" s="7">
        <v>572106</v>
      </c>
      <c r="H73" s="7">
        <v>572106</v>
      </c>
      <c r="I73" s="7">
        <f t="shared" si="7"/>
        <v>0</v>
      </c>
      <c r="J73" s="16"/>
      <c r="K73" s="17"/>
      <c r="L73" s="123"/>
      <c r="M73" s="123"/>
      <c r="N73" s="123"/>
      <c r="O73" s="123"/>
      <c r="P73" s="123"/>
      <c r="Q73" s="123"/>
      <c r="R73" s="123"/>
      <c r="S73" s="123"/>
      <c r="T73" s="123"/>
      <c r="U73" s="123"/>
      <c r="V73" s="123"/>
      <c r="W73" s="123"/>
      <c r="X73" s="123"/>
      <c r="Y73" s="123"/>
      <c r="Z73" s="123"/>
      <c r="AA73" s="123"/>
      <c r="AB73" s="123"/>
      <c r="AC73" s="123"/>
      <c r="AD73" s="123"/>
      <c r="AE73" s="123"/>
      <c r="AF73" s="123"/>
      <c r="AG73" s="123"/>
      <c r="AH73" s="123"/>
      <c r="AI73" s="123"/>
      <c r="AJ73" s="123"/>
      <c r="AK73" s="123"/>
      <c r="AL73" s="123"/>
      <c r="AM73" s="123"/>
      <c r="AN73" s="123"/>
      <c r="AO73" s="123"/>
      <c r="AP73" s="123"/>
      <c r="AQ73" s="123"/>
      <c r="AR73" s="123"/>
      <c r="AS73" s="123"/>
      <c r="AT73" s="123"/>
      <c r="AU73" s="123"/>
      <c r="AV73" s="123"/>
      <c r="AW73" s="123"/>
      <c r="AX73" s="123"/>
      <c r="AY73" s="123"/>
      <c r="AZ73" s="123"/>
    </row>
    <row r="74" spans="1:52" ht="38.1" customHeight="1">
      <c r="A74" s="18">
        <f t="shared" si="1"/>
        <v>67</v>
      </c>
      <c r="B74" s="4"/>
      <c r="C74" s="4"/>
      <c r="D74" s="4"/>
      <c r="E74" s="14" t="s">
        <v>142</v>
      </c>
      <c r="F74" s="14" t="s">
        <v>90</v>
      </c>
      <c r="G74" s="7">
        <v>511818</v>
      </c>
      <c r="H74" s="7">
        <v>566883</v>
      </c>
      <c r="I74" s="7">
        <f t="shared" si="7"/>
        <v>55065</v>
      </c>
      <c r="J74" s="16"/>
      <c r="K74" s="17"/>
      <c r="L74" s="123"/>
      <c r="M74" s="123"/>
      <c r="N74" s="123"/>
      <c r="O74" s="123"/>
      <c r="P74" s="123"/>
      <c r="Q74" s="123"/>
      <c r="R74" s="123"/>
      <c r="S74" s="123"/>
      <c r="T74" s="123"/>
      <c r="U74" s="123"/>
      <c r="V74" s="123"/>
      <c r="W74" s="123"/>
      <c r="X74" s="123"/>
      <c r="Y74" s="123"/>
      <c r="Z74" s="123"/>
      <c r="AA74" s="123"/>
      <c r="AB74" s="123"/>
      <c r="AC74" s="123"/>
      <c r="AD74" s="123"/>
      <c r="AE74" s="123"/>
      <c r="AF74" s="123"/>
      <c r="AG74" s="123"/>
      <c r="AH74" s="123"/>
      <c r="AI74" s="123"/>
      <c r="AJ74" s="123"/>
      <c r="AK74" s="123"/>
      <c r="AL74" s="123"/>
      <c r="AM74" s="123"/>
      <c r="AN74" s="123"/>
      <c r="AO74" s="123"/>
      <c r="AP74" s="123"/>
      <c r="AQ74" s="123"/>
      <c r="AR74" s="123"/>
      <c r="AS74" s="123"/>
      <c r="AT74" s="123"/>
      <c r="AU74" s="123"/>
      <c r="AV74" s="123"/>
      <c r="AW74" s="123"/>
      <c r="AX74" s="123"/>
      <c r="AY74" s="123"/>
      <c r="AZ74" s="123"/>
    </row>
    <row r="75" spans="1:52" ht="26.4" customHeight="1">
      <c r="A75" s="18">
        <f t="shared" ref="A75:A92" si="8">A74+1</f>
        <v>68</v>
      </c>
      <c r="B75" s="4"/>
      <c r="C75" s="128" t="s">
        <v>30</v>
      </c>
      <c r="D75" s="129"/>
      <c r="E75" s="130"/>
      <c r="F75" s="1"/>
      <c r="G75" s="6">
        <f>SUBTOTAL(9,G76,G78,G80)</f>
        <v>2501114</v>
      </c>
      <c r="H75" s="6">
        <f>SUBTOTAL(9,H76,H78,H80)</f>
        <v>1908708</v>
      </c>
      <c r="I75" s="6">
        <f>SUBTOTAL(9,I76,I78,I80)</f>
        <v>-592406</v>
      </c>
      <c r="J75" s="8"/>
      <c r="K75" s="9"/>
      <c r="L75"/>
      <c r="M75"/>
      <c r="N75"/>
      <c r="O75"/>
      <c r="P75"/>
      <c r="Q75"/>
      <c r="R75"/>
      <c r="S75"/>
      <c r="T75"/>
      <c r="U75"/>
      <c r="V75"/>
      <c r="W75"/>
      <c r="X75"/>
      <c r="Y75"/>
      <c r="Z75"/>
      <c r="AA75"/>
      <c r="AB75"/>
      <c r="AC75"/>
      <c r="AD75"/>
      <c r="AE75"/>
      <c r="AF75"/>
      <c r="AG75"/>
      <c r="AH75"/>
      <c r="AI75"/>
      <c r="AJ75"/>
      <c r="AK75"/>
      <c r="AL75"/>
      <c r="AM75"/>
      <c r="AN75"/>
      <c r="AO75"/>
      <c r="AP75"/>
      <c r="AQ75"/>
      <c r="AR75"/>
      <c r="AS75"/>
      <c r="AT75"/>
      <c r="AU75"/>
      <c r="AV75"/>
      <c r="AW75"/>
      <c r="AX75"/>
      <c r="AY75"/>
      <c r="AZ75"/>
    </row>
    <row r="76" spans="1:52" ht="26.4" customHeight="1">
      <c r="A76" s="18">
        <f t="shared" si="8"/>
        <v>69</v>
      </c>
      <c r="B76" s="4"/>
      <c r="C76" s="4"/>
      <c r="D76" s="126" t="s">
        <v>143</v>
      </c>
      <c r="E76" s="127"/>
      <c r="F76" s="15"/>
      <c r="G76" s="7">
        <f>SUM(G77)</f>
        <v>50324</v>
      </c>
      <c r="H76" s="7">
        <f>SUM(H77)</f>
        <v>49519</v>
      </c>
      <c r="I76" s="7">
        <f t="shared" si="7"/>
        <v>-805</v>
      </c>
      <c r="J76" s="16"/>
      <c r="K76" s="17"/>
      <c r="L76"/>
      <c r="M76"/>
      <c r="N76"/>
      <c r="O76"/>
      <c r="P76"/>
      <c r="Q76"/>
      <c r="R76"/>
      <c r="S76"/>
      <c r="T76"/>
      <c r="U76"/>
      <c r="V76"/>
      <c r="W76"/>
      <c r="X76"/>
      <c r="Y76"/>
      <c r="Z76"/>
      <c r="AA76"/>
      <c r="AB76"/>
      <c r="AC76"/>
      <c r="AD76"/>
      <c r="AE76"/>
      <c r="AF76"/>
      <c r="AG76"/>
      <c r="AH76"/>
      <c r="AI76"/>
      <c r="AJ76"/>
      <c r="AK76"/>
      <c r="AL76"/>
      <c r="AM76"/>
      <c r="AN76"/>
      <c r="AO76"/>
      <c r="AP76"/>
      <c r="AQ76"/>
      <c r="AR76"/>
      <c r="AS76"/>
      <c r="AT76"/>
      <c r="AU76"/>
      <c r="AV76"/>
      <c r="AW76"/>
      <c r="AX76"/>
      <c r="AY76"/>
      <c r="AZ76"/>
    </row>
    <row r="77" spans="1:52" ht="26.4" customHeight="1">
      <c r="A77" s="18">
        <f t="shared" si="8"/>
        <v>70</v>
      </c>
      <c r="B77" s="4"/>
      <c r="C77" s="4"/>
      <c r="D77" s="26"/>
      <c r="E77" s="21" t="s">
        <v>72</v>
      </c>
      <c r="F77" s="21" t="s">
        <v>48</v>
      </c>
      <c r="G77" s="6">
        <v>50324</v>
      </c>
      <c r="H77" s="6">
        <v>49519</v>
      </c>
      <c r="I77" s="7">
        <f t="shared" si="7"/>
        <v>-805</v>
      </c>
      <c r="J77" s="8"/>
      <c r="K77" s="9"/>
      <c r="L77"/>
      <c r="M77"/>
      <c r="N77"/>
      <c r="O77"/>
      <c r="P77"/>
      <c r="Q77"/>
      <c r="R77"/>
      <c r="S77"/>
      <c r="T77"/>
      <c r="U77"/>
      <c r="V77"/>
      <c r="W77"/>
      <c r="X77"/>
      <c r="Y77"/>
      <c r="Z77"/>
      <c r="AA77"/>
      <c r="AB77"/>
      <c r="AC77"/>
      <c r="AD77"/>
      <c r="AE77"/>
      <c r="AF77"/>
      <c r="AG77"/>
      <c r="AH77"/>
      <c r="AI77"/>
      <c r="AJ77"/>
      <c r="AK77"/>
      <c r="AL77"/>
      <c r="AM77"/>
      <c r="AN77"/>
      <c r="AO77"/>
      <c r="AP77"/>
      <c r="AQ77"/>
      <c r="AR77"/>
      <c r="AS77"/>
      <c r="AT77"/>
      <c r="AU77"/>
      <c r="AV77"/>
      <c r="AW77"/>
      <c r="AX77"/>
      <c r="AY77"/>
      <c r="AZ77"/>
    </row>
    <row r="78" spans="1:52" ht="26.4" customHeight="1">
      <c r="A78" s="18">
        <f t="shared" si="8"/>
        <v>71</v>
      </c>
      <c r="B78" s="4"/>
      <c r="C78" s="4"/>
      <c r="D78" s="128" t="s">
        <v>144</v>
      </c>
      <c r="E78" s="130"/>
      <c r="F78" s="5"/>
      <c r="G78" s="6">
        <f>SUM(G79)</f>
        <v>221</v>
      </c>
      <c r="H78" s="6">
        <f>SUM(H79)</f>
        <v>60</v>
      </c>
      <c r="I78" s="7">
        <f t="shared" si="7"/>
        <v>-161</v>
      </c>
      <c r="J78" s="8"/>
      <c r="K78" s="9"/>
      <c r="L78"/>
      <c r="M78"/>
      <c r="N78"/>
      <c r="O78"/>
      <c r="P78"/>
      <c r="Q78"/>
      <c r="R78"/>
      <c r="S78"/>
      <c r="T78"/>
      <c r="U78"/>
      <c r="V78"/>
      <c r="W78"/>
      <c r="X78"/>
      <c r="Y78"/>
      <c r="Z78"/>
      <c r="AA78"/>
      <c r="AB78"/>
      <c r="AC78"/>
      <c r="AD78"/>
      <c r="AE78"/>
      <c r="AF78"/>
      <c r="AG78"/>
      <c r="AH78"/>
      <c r="AI78"/>
      <c r="AJ78"/>
      <c r="AK78"/>
      <c r="AL78"/>
      <c r="AM78"/>
      <c r="AN78"/>
      <c r="AO78"/>
      <c r="AP78"/>
      <c r="AQ78"/>
      <c r="AR78"/>
      <c r="AS78"/>
      <c r="AT78"/>
      <c r="AU78"/>
      <c r="AV78"/>
      <c r="AW78"/>
      <c r="AX78"/>
      <c r="AY78"/>
      <c r="AZ78"/>
    </row>
    <row r="79" spans="1:52" ht="26.4" customHeight="1">
      <c r="A79" s="18">
        <f t="shared" si="8"/>
        <v>72</v>
      </c>
      <c r="B79" s="4"/>
      <c r="C79" s="4"/>
      <c r="D79" s="20"/>
      <c r="E79" s="121" t="s">
        <v>31</v>
      </c>
      <c r="F79" s="5" t="s">
        <v>77</v>
      </c>
      <c r="G79" s="6">
        <v>221</v>
      </c>
      <c r="H79" s="6">
        <v>60</v>
      </c>
      <c r="I79" s="7">
        <f t="shared" si="7"/>
        <v>-161</v>
      </c>
      <c r="J79" s="8"/>
      <c r="K79" s="9"/>
      <c r="L79"/>
      <c r="M79"/>
      <c r="N79"/>
      <c r="O79"/>
      <c r="P79"/>
      <c r="Q79"/>
      <c r="R79"/>
      <c r="S79"/>
      <c r="T79"/>
      <c r="U79"/>
      <c r="V79"/>
      <c r="W79"/>
      <c r="X79"/>
      <c r="Y79"/>
      <c r="Z79"/>
      <c r="AA79"/>
      <c r="AB79"/>
      <c r="AC79"/>
      <c r="AD79"/>
      <c r="AE79"/>
      <c r="AF79"/>
      <c r="AG79"/>
      <c r="AH79"/>
      <c r="AI79"/>
      <c r="AJ79"/>
      <c r="AK79"/>
      <c r="AL79"/>
      <c r="AM79"/>
      <c r="AN79"/>
      <c r="AO79"/>
      <c r="AP79"/>
      <c r="AQ79"/>
      <c r="AR79"/>
      <c r="AS79"/>
      <c r="AT79"/>
      <c r="AU79"/>
      <c r="AV79"/>
      <c r="AW79"/>
      <c r="AX79"/>
      <c r="AY79"/>
      <c r="AZ79"/>
    </row>
    <row r="80" spans="1:52" ht="26.4" customHeight="1">
      <c r="A80" s="18">
        <f t="shared" si="8"/>
        <v>73</v>
      </c>
      <c r="B80" s="4"/>
      <c r="C80" s="4"/>
      <c r="D80" s="128" t="s">
        <v>145</v>
      </c>
      <c r="E80" s="130"/>
      <c r="F80" s="5"/>
      <c r="G80" s="6">
        <f>SUM(G81)</f>
        <v>2450569</v>
      </c>
      <c r="H80" s="6">
        <f>SUM(H81)</f>
        <v>1859129</v>
      </c>
      <c r="I80" s="7">
        <f t="shared" si="7"/>
        <v>-591440</v>
      </c>
      <c r="J80" s="8"/>
      <c r="K80" s="9"/>
      <c r="L80"/>
      <c r="M80"/>
      <c r="N80"/>
      <c r="O80"/>
      <c r="P80"/>
      <c r="Q80"/>
      <c r="R80"/>
      <c r="S80"/>
      <c r="T80"/>
      <c r="U80"/>
      <c r="V80"/>
      <c r="W80"/>
      <c r="X80"/>
      <c r="Y80"/>
      <c r="Z80"/>
      <c r="AA80"/>
      <c r="AB80"/>
      <c r="AC80"/>
      <c r="AD80"/>
      <c r="AE80"/>
      <c r="AF80"/>
      <c r="AG80"/>
      <c r="AH80"/>
      <c r="AI80"/>
      <c r="AJ80"/>
      <c r="AK80"/>
      <c r="AL80"/>
      <c r="AM80"/>
      <c r="AN80"/>
      <c r="AO80"/>
      <c r="AP80"/>
      <c r="AQ80"/>
      <c r="AR80"/>
      <c r="AS80"/>
      <c r="AT80"/>
      <c r="AU80"/>
      <c r="AV80"/>
      <c r="AW80"/>
      <c r="AX80"/>
      <c r="AY80"/>
      <c r="AZ80"/>
    </row>
    <row r="81" spans="1:52" ht="26.4" customHeight="1">
      <c r="A81" s="18">
        <f t="shared" ref="A81" si="9">A80+1</f>
        <v>74</v>
      </c>
      <c r="B81" s="4"/>
      <c r="C81" s="4"/>
      <c r="D81" s="20"/>
      <c r="E81" s="121" t="s">
        <v>32</v>
      </c>
      <c r="F81" s="5"/>
      <c r="G81" s="6">
        <f>SUM(G82:G87)</f>
        <v>2450569</v>
      </c>
      <c r="H81" s="6">
        <f>SUM(H82:H87)</f>
        <v>1859129</v>
      </c>
      <c r="I81" s="7">
        <f t="shared" ref="I81:I84" si="10">+H81-G81</f>
        <v>-591440</v>
      </c>
      <c r="J81" s="8"/>
      <c r="K81" s="9"/>
      <c r="L81"/>
      <c r="M81"/>
      <c r="N81"/>
      <c r="O81"/>
      <c r="P81"/>
      <c r="Q81"/>
      <c r="R81"/>
      <c r="S81"/>
      <c r="T81"/>
      <c r="U81"/>
      <c r="V81"/>
      <c r="W81"/>
      <c r="X81"/>
      <c r="Y81"/>
      <c r="Z81"/>
      <c r="AA81"/>
      <c r="AB81"/>
      <c r="AC81"/>
      <c r="AD81"/>
      <c r="AE81"/>
      <c r="AF81"/>
      <c r="AG81"/>
      <c r="AH81"/>
      <c r="AI81"/>
      <c r="AJ81"/>
      <c r="AK81"/>
      <c r="AL81"/>
      <c r="AM81"/>
      <c r="AN81"/>
      <c r="AO81"/>
      <c r="AP81"/>
      <c r="AQ81"/>
      <c r="AR81"/>
      <c r="AS81"/>
      <c r="AT81"/>
      <c r="AU81"/>
      <c r="AV81"/>
      <c r="AW81"/>
      <c r="AX81"/>
      <c r="AY81"/>
      <c r="AZ81"/>
    </row>
    <row r="82" spans="1:52" ht="26.4" customHeight="1">
      <c r="A82" s="18">
        <f t="shared" ref="A82:A84" si="11">A81+1</f>
        <v>75</v>
      </c>
      <c r="B82" s="4"/>
      <c r="C82" s="4"/>
      <c r="D82" s="4"/>
      <c r="E82" s="122"/>
      <c r="F82" s="5" t="s">
        <v>80</v>
      </c>
      <c r="G82" s="6">
        <v>1435386</v>
      </c>
      <c r="H82" s="6">
        <v>1515351</v>
      </c>
      <c r="I82" s="7">
        <f t="shared" si="10"/>
        <v>79965</v>
      </c>
      <c r="J82" s="8"/>
      <c r="K82" s="9"/>
      <c r="L82"/>
      <c r="M82"/>
      <c r="N82"/>
      <c r="O82"/>
      <c r="P82"/>
      <c r="Q82"/>
      <c r="R82"/>
      <c r="S82"/>
      <c r="T82"/>
      <c r="U82"/>
      <c r="V82"/>
      <c r="W82"/>
      <c r="X82"/>
      <c r="Y82"/>
      <c r="Z82"/>
      <c r="AA82"/>
      <c r="AB82"/>
      <c r="AC82"/>
      <c r="AD82"/>
      <c r="AE82"/>
      <c r="AF82"/>
      <c r="AG82"/>
      <c r="AH82"/>
      <c r="AI82"/>
      <c r="AJ82"/>
      <c r="AK82"/>
      <c r="AL82"/>
      <c r="AM82"/>
      <c r="AN82"/>
      <c r="AO82"/>
      <c r="AP82"/>
      <c r="AQ82"/>
      <c r="AR82"/>
      <c r="AS82"/>
      <c r="AT82"/>
      <c r="AU82"/>
      <c r="AV82"/>
      <c r="AW82"/>
      <c r="AX82"/>
      <c r="AY82"/>
      <c r="AZ82"/>
    </row>
    <row r="83" spans="1:52" ht="26.4" customHeight="1">
      <c r="A83" s="18">
        <v>76</v>
      </c>
      <c r="B83" s="4"/>
      <c r="C83" s="4"/>
      <c r="D83" s="4"/>
      <c r="E83" s="122"/>
      <c r="F83" s="15" t="s">
        <v>76</v>
      </c>
      <c r="G83" s="7">
        <v>145494</v>
      </c>
      <c r="H83" s="7">
        <v>156001</v>
      </c>
      <c r="I83" s="7">
        <f t="shared" si="10"/>
        <v>10507</v>
      </c>
      <c r="J83" s="16"/>
      <c r="K83" s="17"/>
      <c r="L83"/>
      <c r="M83"/>
      <c r="N83"/>
      <c r="O83"/>
      <c r="P83"/>
      <c r="Q83"/>
      <c r="R83"/>
      <c r="S83"/>
      <c r="T83"/>
      <c r="U83"/>
      <c r="V83"/>
      <c r="W83"/>
      <c r="X83"/>
      <c r="Y83"/>
      <c r="Z83"/>
      <c r="AA83"/>
      <c r="AB83"/>
      <c r="AC83"/>
      <c r="AD83"/>
      <c r="AE83"/>
      <c r="AF83"/>
      <c r="AG83"/>
      <c r="AH83"/>
      <c r="AI83"/>
      <c r="AJ83"/>
      <c r="AK83"/>
      <c r="AL83"/>
      <c r="AM83"/>
      <c r="AN83"/>
      <c r="AO83"/>
      <c r="AP83"/>
      <c r="AQ83"/>
      <c r="AR83"/>
      <c r="AS83"/>
      <c r="AT83"/>
      <c r="AU83"/>
      <c r="AV83"/>
      <c r="AW83"/>
      <c r="AX83"/>
      <c r="AY83"/>
      <c r="AZ83"/>
    </row>
    <row r="84" spans="1:52" ht="26.4" customHeight="1">
      <c r="A84" s="18">
        <f t="shared" si="11"/>
        <v>77</v>
      </c>
      <c r="B84" s="4"/>
      <c r="C84" s="4"/>
      <c r="D84" s="4"/>
      <c r="E84" s="122"/>
      <c r="F84" s="15" t="s">
        <v>98</v>
      </c>
      <c r="G84" s="7">
        <v>132724</v>
      </c>
      <c r="H84" s="7">
        <v>145832</v>
      </c>
      <c r="I84" s="7">
        <f t="shared" si="10"/>
        <v>13108</v>
      </c>
      <c r="J84" s="16"/>
      <c r="K84" s="17"/>
      <c r="L84"/>
      <c r="M84"/>
      <c r="N84"/>
      <c r="O84"/>
      <c r="P84"/>
      <c r="Q84"/>
      <c r="R84"/>
      <c r="S84"/>
      <c r="T84"/>
      <c r="U84"/>
      <c r="V84"/>
      <c r="W84"/>
      <c r="X84"/>
      <c r="Y84"/>
      <c r="Z84"/>
      <c r="AA84"/>
      <c r="AB84"/>
      <c r="AC84"/>
      <c r="AD84"/>
      <c r="AE84"/>
      <c r="AF84"/>
      <c r="AG84"/>
      <c r="AH84"/>
      <c r="AI84"/>
      <c r="AJ84"/>
      <c r="AK84"/>
      <c r="AL84"/>
      <c r="AM84"/>
      <c r="AN84"/>
      <c r="AO84"/>
      <c r="AP84"/>
      <c r="AQ84"/>
      <c r="AR84"/>
      <c r="AS84"/>
      <c r="AT84"/>
      <c r="AU84"/>
      <c r="AV84"/>
      <c r="AW84"/>
      <c r="AX84"/>
      <c r="AY84"/>
      <c r="AZ84"/>
    </row>
    <row r="85" spans="1:52" ht="26.4" customHeight="1">
      <c r="A85" s="18">
        <v>78</v>
      </c>
      <c r="B85" s="4"/>
      <c r="C85" s="4"/>
      <c r="D85" s="4"/>
      <c r="E85" s="122"/>
      <c r="F85" s="15" t="s">
        <v>82</v>
      </c>
      <c r="G85" s="7">
        <v>51189</v>
      </c>
      <c r="H85" s="7">
        <v>41945</v>
      </c>
      <c r="I85" s="7">
        <f>+H85-G85</f>
        <v>-9244</v>
      </c>
      <c r="J85" s="16"/>
      <c r="K85" s="17"/>
      <c r="L85"/>
      <c r="M85"/>
      <c r="N85"/>
      <c r="O85"/>
      <c r="P85"/>
      <c r="Q85"/>
      <c r="R85"/>
      <c r="S85"/>
      <c r="T85"/>
      <c r="U85"/>
      <c r="V85"/>
      <c r="W85"/>
      <c r="X85"/>
      <c r="Y85"/>
      <c r="Z85"/>
      <c r="AA85"/>
      <c r="AB85"/>
      <c r="AC85"/>
      <c r="AD85"/>
      <c r="AE85"/>
      <c r="AF85"/>
      <c r="AG85"/>
      <c r="AH85"/>
      <c r="AI85"/>
      <c r="AJ85"/>
      <c r="AK85"/>
      <c r="AL85"/>
      <c r="AM85"/>
      <c r="AN85"/>
      <c r="AO85"/>
      <c r="AP85"/>
      <c r="AQ85"/>
      <c r="AR85"/>
      <c r="AS85"/>
      <c r="AT85"/>
      <c r="AU85"/>
      <c r="AV85"/>
      <c r="AW85"/>
      <c r="AX85"/>
      <c r="AY85"/>
      <c r="AZ85"/>
    </row>
    <row r="86" spans="1:52" ht="26.4" customHeight="1">
      <c r="A86" s="18">
        <v>79</v>
      </c>
      <c r="B86" s="4"/>
      <c r="C86" s="4"/>
      <c r="D86" s="4"/>
      <c r="E86" s="122"/>
      <c r="F86" s="15" t="s">
        <v>149</v>
      </c>
      <c r="G86" s="7">
        <v>578776</v>
      </c>
      <c r="H86" s="7">
        <v>0</v>
      </c>
      <c r="I86" s="7">
        <f>+H86-G86</f>
        <v>-578776</v>
      </c>
      <c r="J86" s="16"/>
      <c r="K86" s="17"/>
      <c r="L86"/>
      <c r="M86"/>
      <c r="N86"/>
      <c r="O86"/>
      <c r="P86"/>
      <c r="Q86"/>
      <c r="R86"/>
      <c r="S86"/>
      <c r="T86"/>
      <c r="U86"/>
      <c r="V86"/>
      <c r="W86"/>
      <c r="X86"/>
      <c r="Y86"/>
      <c r="Z86"/>
      <c r="AA86"/>
      <c r="AB86"/>
      <c r="AC86"/>
      <c r="AD86"/>
      <c r="AE86"/>
      <c r="AF86"/>
      <c r="AG86"/>
      <c r="AH86"/>
      <c r="AI86"/>
      <c r="AJ86"/>
      <c r="AK86"/>
      <c r="AL86"/>
      <c r="AM86"/>
      <c r="AN86"/>
      <c r="AO86"/>
      <c r="AP86"/>
      <c r="AQ86"/>
      <c r="AR86"/>
      <c r="AS86"/>
      <c r="AT86"/>
      <c r="AU86"/>
      <c r="AV86"/>
      <c r="AW86"/>
      <c r="AX86"/>
      <c r="AY86"/>
      <c r="AZ86"/>
    </row>
    <row r="87" spans="1:52" ht="26.4" customHeight="1">
      <c r="A87" s="18">
        <v>80</v>
      </c>
      <c r="B87" s="4"/>
      <c r="C87" s="4"/>
      <c r="D87" s="4"/>
      <c r="E87" s="122"/>
      <c r="F87" s="15" t="s">
        <v>150</v>
      </c>
      <c r="G87" s="7">
        <v>107000</v>
      </c>
      <c r="H87" s="7">
        <v>0</v>
      </c>
      <c r="I87" s="7">
        <f t="shared" ref="I87" si="12">+H87-G87</f>
        <v>-107000</v>
      </c>
      <c r="J87" s="16"/>
      <c r="K87" s="17"/>
      <c r="L87"/>
      <c r="M87"/>
      <c r="N87"/>
      <c r="O87"/>
      <c r="P87"/>
      <c r="Q87"/>
      <c r="R87"/>
      <c r="S87"/>
      <c r="T87"/>
      <c r="U87"/>
      <c r="V87"/>
      <c r="W87"/>
      <c r="X87"/>
      <c r="Y87"/>
      <c r="Z87"/>
      <c r="AA87"/>
      <c r="AB87"/>
      <c r="AC87"/>
      <c r="AD87"/>
      <c r="AE87"/>
      <c r="AF87"/>
      <c r="AG87"/>
      <c r="AH87"/>
      <c r="AI87"/>
      <c r="AJ87"/>
      <c r="AK87"/>
      <c r="AL87"/>
      <c r="AM87"/>
      <c r="AN87"/>
      <c r="AO87"/>
      <c r="AP87"/>
      <c r="AQ87"/>
      <c r="AR87"/>
      <c r="AS87"/>
      <c r="AT87"/>
      <c r="AU87"/>
      <c r="AV87"/>
      <c r="AW87"/>
      <c r="AX87"/>
      <c r="AY87"/>
      <c r="AZ87"/>
    </row>
    <row r="88" spans="1:52" ht="26.4" customHeight="1">
      <c r="A88" s="18">
        <f>A87+1</f>
        <v>81</v>
      </c>
      <c r="B88" s="128" t="s">
        <v>146</v>
      </c>
      <c r="C88" s="129"/>
      <c r="D88" s="129"/>
      <c r="E88" s="130"/>
      <c r="F88" s="1"/>
      <c r="G88" s="6">
        <f>SUM(G89)</f>
        <v>11605500</v>
      </c>
      <c r="H88" s="6">
        <f>SUM(H89)</f>
        <v>11751000</v>
      </c>
      <c r="I88" s="7">
        <f t="shared" si="7"/>
        <v>145500</v>
      </c>
      <c r="J88" s="8"/>
      <c r="K88" s="58"/>
      <c r="L88"/>
      <c r="M88"/>
      <c r="N88"/>
      <c r="O88"/>
      <c r="P88"/>
      <c r="Q88"/>
      <c r="R88"/>
      <c r="S88"/>
      <c r="T88"/>
      <c r="U88"/>
      <c r="V88"/>
      <c r="W88"/>
      <c r="X88"/>
      <c r="Y88"/>
      <c r="Z88"/>
      <c r="AA88"/>
      <c r="AB88"/>
      <c r="AC88"/>
      <c r="AD88"/>
      <c r="AE88"/>
      <c r="AF88"/>
      <c r="AG88"/>
      <c r="AH88"/>
      <c r="AI88"/>
      <c r="AJ88"/>
      <c r="AK88"/>
      <c r="AL88"/>
      <c r="AM88"/>
      <c r="AN88"/>
      <c r="AO88"/>
      <c r="AP88"/>
      <c r="AQ88"/>
      <c r="AR88"/>
      <c r="AS88"/>
      <c r="AT88"/>
      <c r="AU88"/>
      <c r="AV88"/>
      <c r="AW88"/>
      <c r="AX88"/>
      <c r="AY88"/>
      <c r="AZ88"/>
    </row>
    <row r="89" spans="1:52" ht="26.4" customHeight="1">
      <c r="A89" s="18">
        <f t="shared" si="8"/>
        <v>82</v>
      </c>
      <c r="B89" s="20"/>
      <c r="C89" s="128" t="s">
        <v>33</v>
      </c>
      <c r="D89" s="129"/>
      <c r="E89" s="130"/>
      <c r="F89" s="1"/>
      <c r="G89" s="6">
        <f>SUM(G90)</f>
        <v>11605500</v>
      </c>
      <c r="H89" s="6">
        <f>SUM(H90)</f>
        <v>11751000</v>
      </c>
      <c r="I89" s="6">
        <f t="shared" si="7"/>
        <v>145500</v>
      </c>
      <c r="J89" s="8"/>
      <c r="K89" s="9"/>
      <c r="L89"/>
      <c r="M89"/>
      <c r="N89"/>
      <c r="O89"/>
      <c r="P89"/>
      <c r="Q89"/>
      <c r="R89"/>
      <c r="S89"/>
      <c r="T89"/>
      <c r="U89"/>
      <c r="V89"/>
      <c r="W89"/>
      <c r="X89"/>
      <c r="Y89"/>
      <c r="Z89"/>
      <c r="AA89"/>
      <c r="AB89"/>
      <c r="AC89"/>
      <c r="AD89"/>
      <c r="AE89"/>
      <c r="AF89"/>
      <c r="AG89"/>
      <c r="AH89"/>
      <c r="AI89"/>
      <c r="AJ89"/>
      <c r="AK89"/>
      <c r="AL89"/>
      <c r="AM89"/>
      <c r="AN89"/>
      <c r="AO89"/>
      <c r="AP89"/>
      <c r="AQ89"/>
      <c r="AR89"/>
      <c r="AS89"/>
      <c r="AT89"/>
      <c r="AU89"/>
      <c r="AV89"/>
      <c r="AW89"/>
      <c r="AX89"/>
      <c r="AY89"/>
      <c r="AZ89"/>
    </row>
    <row r="90" spans="1:52" ht="26.4" customHeight="1">
      <c r="A90" s="18">
        <f t="shared" si="8"/>
        <v>83</v>
      </c>
      <c r="B90" s="4"/>
      <c r="C90" s="20"/>
      <c r="D90" s="128" t="s">
        <v>34</v>
      </c>
      <c r="E90" s="130"/>
      <c r="F90" s="5"/>
      <c r="G90" s="6">
        <f>SUM(G91:G92)</f>
        <v>11605500</v>
      </c>
      <c r="H90" s="6">
        <f>SUM(H91:H92)</f>
        <v>11751000</v>
      </c>
      <c r="I90" s="6">
        <f t="shared" si="7"/>
        <v>145500</v>
      </c>
      <c r="J90" s="8"/>
      <c r="K90" s="9"/>
      <c r="L90"/>
      <c r="M90"/>
      <c r="N90"/>
      <c r="O90"/>
      <c r="P90"/>
      <c r="Q90"/>
      <c r="R90"/>
      <c r="S90"/>
      <c r="T90"/>
      <c r="U90"/>
      <c r="V90"/>
      <c r="W90"/>
      <c r="X90"/>
      <c r="Y90"/>
      <c r="Z90"/>
      <c r="AA90"/>
      <c r="AB90"/>
      <c r="AC90"/>
      <c r="AD90"/>
      <c r="AE90"/>
      <c r="AF90"/>
      <c r="AG90"/>
      <c r="AH90"/>
      <c r="AI90"/>
      <c r="AJ90"/>
      <c r="AK90"/>
      <c r="AL90"/>
      <c r="AM90"/>
      <c r="AN90"/>
      <c r="AO90"/>
      <c r="AP90"/>
      <c r="AQ90"/>
      <c r="AR90"/>
      <c r="AS90"/>
      <c r="AT90"/>
      <c r="AU90"/>
      <c r="AV90"/>
      <c r="AW90"/>
      <c r="AX90"/>
      <c r="AY90"/>
      <c r="AZ90"/>
    </row>
    <row r="91" spans="1:52" ht="26.4" customHeight="1">
      <c r="A91" s="18">
        <f t="shared" si="8"/>
        <v>84</v>
      </c>
      <c r="B91" s="4"/>
      <c r="C91" s="4"/>
      <c r="D91" s="4"/>
      <c r="E91" s="14" t="s">
        <v>35</v>
      </c>
      <c r="F91" s="15" t="s">
        <v>53</v>
      </c>
      <c r="G91" s="7">
        <v>10981000</v>
      </c>
      <c r="H91" s="7">
        <v>10655000</v>
      </c>
      <c r="I91" s="7">
        <f t="shared" si="7"/>
        <v>-326000</v>
      </c>
      <c r="J91" s="16"/>
      <c r="K91" s="17"/>
      <c r="L91"/>
      <c r="M91"/>
      <c r="N91"/>
      <c r="O91"/>
      <c r="P91"/>
      <c r="Q91"/>
      <c r="R91"/>
      <c r="S91"/>
      <c r="T91"/>
      <c r="U91"/>
      <c r="V91"/>
      <c r="W91"/>
      <c r="X91"/>
      <c r="Y91"/>
      <c r="Z91"/>
      <c r="AA91"/>
      <c r="AB91"/>
      <c r="AC91"/>
      <c r="AD91"/>
      <c r="AE91"/>
      <c r="AF91"/>
      <c r="AG91"/>
      <c r="AH91"/>
      <c r="AI91"/>
      <c r="AJ91"/>
      <c r="AK91"/>
      <c r="AL91"/>
      <c r="AM91"/>
      <c r="AN91"/>
      <c r="AO91"/>
      <c r="AP91"/>
      <c r="AQ91"/>
      <c r="AR91"/>
      <c r="AS91"/>
      <c r="AT91"/>
      <c r="AU91"/>
      <c r="AV91"/>
      <c r="AW91"/>
      <c r="AX91"/>
      <c r="AY91"/>
      <c r="AZ91"/>
    </row>
    <row r="92" spans="1:52" ht="26.4" customHeight="1">
      <c r="A92" s="18">
        <f t="shared" si="8"/>
        <v>85</v>
      </c>
      <c r="B92" s="4"/>
      <c r="C92" s="4"/>
      <c r="D92" s="4"/>
      <c r="E92" s="14" t="s">
        <v>36</v>
      </c>
      <c r="F92" s="15" t="s">
        <v>54</v>
      </c>
      <c r="G92" s="7">
        <v>624500</v>
      </c>
      <c r="H92" s="7">
        <v>1096000</v>
      </c>
      <c r="I92" s="7">
        <f>+H92-G92</f>
        <v>471500</v>
      </c>
      <c r="J92" s="16"/>
      <c r="K92" s="17"/>
      <c r="L92"/>
      <c r="M92"/>
      <c r="N92"/>
      <c r="O92"/>
      <c r="P92"/>
      <c r="Q92"/>
      <c r="R92"/>
      <c r="S92"/>
      <c r="T92"/>
      <c r="U92"/>
      <c r="V92"/>
      <c r="W92"/>
      <c r="X92"/>
      <c r="Y92"/>
      <c r="Z92"/>
      <c r="AA92"/>
      <c r="AB92"/>
      <c r="AC92"/>
      <c r="AD92"/>
      <c r="AE92"/>
      <c r="AF92"/>
      <c r="AG92"/>
      <c r="AH92"/>
      <c r="AI92"/>
      <c r="AJ92"/>
      <c r="AK92"/>
      <c r="AL92"/>
      <c r="AM92"/>
      <c r="AN92"/>
      <c r="AO92"/>
      <c r="AP92"/>
      <c r="AQ92"/>
      <c r="AR92"/>
      <c r="AS92"/>
      <c r="AT92"/>
      <c r="AU92"/>
      <c r="AV92"/>
      <c r="AW92"/>
      <c r="AX92"/>
      <c r="AY92"/>
      <c r="AZ92"/>
    </row>
    <row r="93" spans="1:52" ht="26.4" customHeight="1" thickBot="1">
      <c r="A93" s="133" t="s">
        <v>37</v>
      </c>
      <c r="B93" s="134"/>
      <c r="C93" s="134"/>
      <c r="D93" s="134"/>
      <c r="E93" s="134"/>
      <c r="F93" s="27"/>
      <c r="G93" s="28">
        <f>SUMIF($M:$M,"款",$G:$G)</f>
        <v>0</v>
      </c>
      <c r="H93" s="28">
        <f>SUMIF($M:$M,"款",$H:$H)</f>
        <v>0</v>
      </c>
      <c r="I93" s="28">
        <f>+H93-G93</f>
        <v>0</v>
      </c>
      <c r="J93" s="62"/>
      <c r="K93" s="63"/>
      <c r="L93"/>
      <c r="M93"/>
      <c r="N93"/>
      <c r="O93"/>
      <c r="P93"/>
      <c r="Q93"/>
      <c r="R93"/>
      <c r="S93"/>
      <c r="T93"/>
      <c r="U93"/>
      <c r="V93"/>
      <c r="W93"/>
      <c r="X93"/>
      <c r="Y93"/>
      <c r="Z93"/>
      <c r="AA93"/>
      <c r="AB93"/>
      <c r="AC93"/>
      <c r="AD93"/>
      <c r="AE93"/>
      <c r="AF93"/>
      <c r="AG93"/>
      <c r="AH93"/>
      <c r="AI93"/>
      <c r="AJ93"/>
      <c r="AK93"/>
      <c r="AL93"/>
      <c r="AM93"/>
      <c r="AN93"/>
      <c r="AO93"/>
      <c r="AP93"/>
      <c r="AQ93"/>
      <c r="AR93"/>
      <c r="AS93"/>
      <c r="AT93"/>
      <c r="AU93"/>
      <c r="AV93"/>
      <c r="AW93"/>
      <c r="AX93"/>
      <c r="AY93"/>
      <c r="AZ93"/>
    </row>
  </sheetData>
  <mergeCells count="55">
    <mergeCell ref="J12:K12"/>
    <mergeCell ref="J15:K15"/>
    <mergeCell ref="D10:E10"/>
    <mergeCell ref="C9:E9"/>
    <mergeCell ref="B8:E8"/>
    <mergeCell ref="J1:K1"/>
    <mergeCell ref="G4:H4"/>
    <mergeCell ref="B6:E7"/>
    <mergeCell ref="F6:F7"/>
    <mergeCell ref="J6:K7"/>
    <mergeCell ref="C21:E21"/>
    <mergeCell ref="D22:E22"/>
    <mergeCell ref="D17:E17"/>
    <mergeCell ref="B20:E20"/>
    <mergeCell ref="C16:E16"/>
    <mergeCell ref="C32:E32"/>
    <mergeCell ref="C29:E29"/>
    <mergeCell ref="D30:E30"/>
    <mergeCell ref="B28:E28"/>
    <mergeCell ref="C24:E24"/>
    <mergeCell ref="D25:E25"/>
    <mergeCell ref="D36:E36"/>
    <mergeCell ref="B38:E38"/>
    <mergeCell ref="C39:E39"/>
    <mergeCell ref="D40:E40"/>
    <mergeCell ref="D33:E33"/>
    <mergeCell ref="C35:E35"/>
    <mergeCell ref="D49:E49"/>
    <mergeCell ref="C53:E53"/>
    <mergeCell ref="D54:E54"/>
    <mergeCell ref="C44:E44"/>
    <mergeCell ref="D45:E45"/>
    <mergeCell ref="B47:E47"/>
    <mergeCell ref="C48:E48"/>
    <mergeCell ref="D51:E51"/>
    <mergeCell ref="A93:E93"/>
    <mergeCell ref="D90:E90"/>
    <mergeCell ref="B88:E88"/>
    <mergeCell ref="C89:E89"/>
    <mergeCell ref="C75:E75"/>
    <mergeCell ref="D78:E78"/>
    <mergeCell ref="D80:E80"/>
    <mergeCell ref="D76:E76"/>
    <mergeCell ref="C70:E70"/>
    <mergeCell ref="D71:E71"/>
    <mergeCell ref="B66:E66"/>
    <mergeCell ref="C67:E67"/>
    <mergeCell ref="D68:E68"/>
    <mergeCell ref="D64:E64"/>
    <mergeCell ref="D62:E62"/>
    <mergeCell ref="D58:E58"/>
    <mergeCell ref="B60:E60"/>
    <mergeCell ref="B56:E56"/>
    <mergeCell ref="C57:E57"/>
    <mergeCell ref="C61:E61"/>
  </mergeCells>
  <phoneticPr fontId="0"/>
  <conditionalFormatting sqref="E8:E9">
    <cfRule type="expression" dxfId="44" priority="66401">
      <formula>L8:L93="○"</formula>
    </cfRule>
  </conditionalFormatting>
  <conditionalFormatting sqref="E10:E15">
    <cfRule type="expression" dxfId="43" priority="66402">
      <formula>L10:L93="○"</formula>
    </cfRule>
  </conditionalFormatting>
  <conditionalFormatting sqref="E16">
    <cfRule type="expression" dxfId="42" priority="66403">
      <formula>L16:L93="○"</formula>
    </cfRule>
  </conditionalFormatting>
  <conditionalFormatting sqref="E17">
    <cfRule type="expression" dxfId="41" priority="66404">
      <formula>L17:L93="○"</formula>
    </cfRule>
  </conditionalFormatting>
  <conditionalFormatting sqref="E18">
    <cfRule type="expression" dxfId="40" priority="66405">
      <formula>L18:L93="○"</formula>
    </cfRule>
  </conditionalFormatting>
  <conditionalFormatting sqref="E19">
    <cfRule type="expression" dxfId="39" priority="66406">
      <formula>L19:L93="○"</formula>
    </cfRule>
  </conditionalFormatting>
  <conditionalFormatting sqref="E20:E21">
    <cfRule type="expression" dxfId="38" priority="66407">
      <formula>L20:L93="○"</formula>
    </cfRule>
  </conditionalFormatting>
  <conditionalFormatting sqref="E22:E23">
    <cfRule type="expression" dxfId="37" priority="66408">
      <formula>L22:L93="○"</formula>
    </cfRule>
  </conditionalFormatting>
  <conditionalFormatting sqref="E24">
    <cfRule type="expression" dxfId="36" priority="66409">
      <formula>L24:L93="○"</formula>
    </cfRule>
  </conditionalFormatting>
  <conditionalFormatting sqref="E25">
    <cfRule type="expression" dxfId="35" priority="66410">
      <formula>L25:L93="○"</formula>
    </cfRule>
  </conditionalFormatting>
  <conditionalFormatting sqref="E26">
    <cfRule type="expression" dxfId="34" priority="66411">
      <formula>L26:L93="○"</formula>
    </cfRule>
  </conditionalFormatting>
  <conditionalFormatting sqref="E28">
    <cfRule type="expression" dxfId="33" priority="66412">
      <formula>L28:L93="○"</formula>
    </cfRule>
  </conditionalFormatting>
  <conditionalFormatting sqref="E29">
    <cfRule type="expression" dxfId="32" priority="66413">
      <formula>L29:L93="○"</formula>
    </cfRule>
  </conditionalFormatting>
  <conditionalFormatting sqref="E30">
    <cfRule type="expression" dxfId="31" priority="66414">
      <formula>L30:L93="○"</formula>
    </cfRule>
  </conditionalFormatting>
  <conditionalFormatting sqref="E31">
    <cfRule type="expression" dxfId="30" priority="66415">
      <formula>L31:L93="○"</formula>
    </cfRule>
  </conditionalFormatting>
  <conditionalFormatting sqref="E32">
    <cfRule type="expression" dxfId="29" priority="66416">
      <formula>L32:L93="○"</formula>
    </cfRule>
  </conditionalFormatting>
  <conditionalFormatting sqref="E33:E35">
    <cfRule type="expression" dxfId="28" priority="66417">
      <formula>L33:L93="○"</formula>
    </cfRule>
  </conditionalFormatting>
  <conditionalFormatting sqref="E36:E37">
    <cfRule type="expression" dxfId="27" priority="66418">
      <formula>L36:L93="○"</formula>
    </cfRule>
  </conditionalFormatting>
  <conditionalFormatting sqref="E38:E41">
    <cfRule type="expression" dxfId="26" priority="66419">
      <formula>L38:L93="○"</formula>
    </cfRule>
  </conditionalFormatting>
  <conditionalFormatting sqref="E42">
    <cfRule type="expression" dxfId="25" priority="66420">
      <formula>L42:L93="○"</formula>
    </cfRule>
  </conditionalFormatting>
  <conditionalFormatting sqref="E43:E46">
    <cfRule type="expression" dxfId="24" priority="66421">
      <formula>L43:L93="○"</formula>
    </cfRule>
  </conditionalFormatting>
  <conditionalFormatting sqref="E47:E51">
    <cfRule type="expression" dxfId="23" priority="66422">
      <formula>L47:L93="○"</formula>
    </cfRule>
  </conditionalFormatting>
  <conditionalFormatting sqref="E53:E55">
    <cfRule type="expression" dxfId="22" priority="66423">
      <formula>L53:L93="○"</formula>
    </cfRule>
  </conditionalFormatting>
  <conditionalFormatting sqref="E56:E57">
    <cfRule type="expression" dxfId="21" priority="66424">
      <formula>L56:L93="○"</formula>
    </cfRule>
  </conditionalFormatting>
  <conditionalFormatting sqref="E58:E59">
    <cfRule type="expression" dxfId="20" priority="66425">
      <formula>L58:L93="○"</formula>
    </cfRule>
  </conditionalFormatting>
  <conditionalFormatting sqref="E60">
    <cfRule type="expression" dxfId="19" priority="66426">
      <formula>L60:L93="○"</formula>
    </cfRule>
  </conditionalFormatting>
  <conditionalFormatting sqref="E62:E63">
    <cfRule type="expression" dxfId="18" priority="66427">
      <formula>L62:L93="○"</formula>
    </cfRule>
  </conditionalFormatting>
  <conditionalFormatting sqref="E64:E65">
    <cfRule type="expression" dxfId="17" priority="66428">
      <formula>L64:L93="○"</formula>
    </cfRule>
  </conditionalFormatting>
  <conditionalFormatting sqref="E66:E69">
    <cfRule type="expression" dxfId="16" priority="66429">
      <formula>L66:L93="○"</formula>
    </cfRule>
  </conditionalFormatting>
  <conditionalFormatting sqref="E70:E71">
    <cfRule type="expression" dxfId="15" priority="66430">
      <formula>L70:L93="○"</formula>
    </cfRule>
  </conditionalFormatting>
  <conditionalFormatting sqref="E72:E74">
    <cfRule type="expression" dxfId="14" priority="66431">
      <formula>L72:L93="○"</formula>
    </cfRule>
  </conditionalFormatting>
  <conditionalFormatting sqref="E75">
    <cfRule type="expression" dxfId="13" priority="66432">
      <formula>L75:L93="○"</formula>
    </cfRule>
  </conditionalFormatting>
  <conditionalFormatting sqref="E76:E77">
    <cfRule type="expression" dxfId="12" priority="66433">
      <formula>L76:L93="○"</formula>
    </cfRule>
  </conditionalFormatting>
  <conditionalFormatting sqref="E78:E79">
    <cfRule type="expression" dxfId="11" priority="66434">
      <formula>L78:L93="○"</formula>
    </cfRule>
  </conditionalFormatting>
  <conditionalFormatting sqref="E80:E81">
    <cfRule type="expression" dxfId="10" priority="66435">
      <formula>L80:L93="○"</formula>
    </cfRule>
  </conditionalFormatting>
  <conditionalFormatting sqref="E82">
    <cfRule type="expression" dxfId="9" priority="66436">
      <formula>L82:L93="○"</formula>
    </cfRule>
  </conditionalFormatting>
  <conditionalFormatting sqref="E83">
    <cfRule type="expression" dxfId="8" priority="66437">
      <formula>L83:L93="○"</formula>
    </cfRule>
  </conditionalFormatting>
  <conditionalFormatting sqref="E84">
    <cfRule type="expression" dxfId="7" priority="66438">
      <formula>L83:L93="○"</formula>
    </cfRule>
  </conditionalFormatting>
  <conditionalFormatting sqref="E85">
    <cfRule type="expression" dxfId="6" priority="66439">
      <formula>L85:L93="○"</formula>
    </cfRule>
  </conditionalFormatting>
  <conditionalFormatting sqref="E86">
    <cfRule type="expression" dxfId="5" priority="66440">
      <formula>L83:L93="○"</formula>
    </cfRule>
  </conditionalFormatting>
  <conditionalFormatting sqref="E87">
    <cfRule type="expression" dxfId="4" priority="66441">
      <formula>L87:L93="○"</formula>
    </cfRule>
  </conditionalFormatting>
  <conditionalFormatting sqref="E88:E89">
    <cfRule type="expression" dxfId="3" priority="66442">
      <formula>L88:L93="○"</formula>
    </cfRule>
  </conditionalFormatting>
  <conditionalFormatting sqref="E90:E92">
    <cfRule type="expression" dxfId="2" priority="66443">
      <formula>L90:L93="○"</formula>
    </cfRule>
  </conditionalFormatting>
  <conditionalFormatting sqref="G8:H66 I25 G68:H93">
    <cfRule type="expression" dxfId="1" priority="90">
      <formula>G8=""</formula>
    </cfRule>
  </conditionalFormatting>
  <conditionalFormatting sqref="I61 G67:I67 I75">
    <cfRule type="expression" dxfId="0" priority="1646">
      <formula>G61=""</formula>
    </cfRule>
  </conditionalFormatting>
  <printOptions horizontalCentered="1"/>
  <pageMargins left="0.70866141732283472" right="0.70866141732283472" top="0.78740157480314965" bottom="0.59055118110236227" header="0.31496062992125984" footer="0.31496062992125984"/>
  <pageSetup paperSize="9" scale="83" fitToHeight="0" orientation="portrait" blackAndWhite="1" copies="2" r:id="rId1"/>
  <headerFooter>
    <oddFooter>&amp;C&amp;P</oddFooter>
  </headerFooter>
  <rowBreaks count="2" manualBreakCount="2">
    <brk id="37" max="10" man="1"/>
    <brk id="69" max="10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B35BD1-551C-4FDD-A837-18E6487FD51D}">
  <sheetPr>
    <tabColor rgb="FFC00000"/>
  </sheetPr>
  <dimension ref="A1:BQ388"/>
  <sheetViews>
    <sheetView view="pageBreakPreview" zoomScaleNormal="115" zoomScaleSheetLayoutView="100" workbookViewId="0">
      <selection activeCell="BP20" sqref="BP20"/>
    </sheetView>
  </sheetViews>
  <sheetFormatPr defaultColWidth="9" defaultRowHeight="13.2"/>
  <cols>
    <col min="1" max="1" width="4.33203125" style="70" customWidth="1"/>
    <col min="2" max="10" width="1.33203125" style="70" customWidth="1"/>
    <col min="11" max="11" width="1.88671875" style="70" customWidth="1"/>
    <col min="12" max="13" width="1.33203125" style="70" customWidth="1"/>
    <col min="14" max="14" width="4.33203125" style="70" customWidth="1"/>
    <col min="15" max="15" width="1.44140625" style="70" customWidth="1"/>
    <col min="16" max="48" width="1.33203125" style="70" customWidth="1"/>
    <col min="49" max="49" width="2" style="70" customWidth="1"/>
    <col min="50" max="67" width="1.33203125" style="70" customWidth="1"/>
    <col min="68" max="68" width="2" style="70" customWidth="1"/>
    <col min="69" max="69" width="1.6640625" style="70" customWidth="1"/>
    <col min="70" max="76" width="1.33203125" style="70" customWidth="1"/>
    <col min="77" max="16384" width="9" style="70"/>
  </cols>
  <sheetData>
    <row r="1" spans="1:69" ht="24.75" customHeight="1">
      <c r="A1" s="69" t="s">
        <v>99</v>
      </c>
      <c r="C1" s="71"/>
      <c r="G1" s="72"/>
      <c r="BI1" s="73"/>
      <c r="BJ1" s="73"/>
      <c r="BK1" s="73"/>
      <c r="BL1" s="73"/>
      <c r="BM1" s="73"/>
      <c r="BN1" s="73"/>
      <c r="BO1" s="73"/>
      <c r="BP1" s="73"/>
      <c r="BQ1" s="73"/>
    </row>
    <row r="2" spans="1:69" ht="23.25" customHeight="1">
      <c r="A2" s="74" t="s">
        <v>100</v>
      </c>
      <c r="C2" s="71"/>
      <c r="G2" s="72"/>
    </row>
    <row r="3" spans="1:69" ht="24.75" customHeight="1">
      <c r="A3" s="75"/>
      <c r="D3" s="76"/>
      <c r="E3" s="76"/>
      <c r="F3" s="76"/>
      <c r="G3" s="76"/>
      <c r="H3" s="76"/>
      <c r="I3" s="76"/>
      <c r="J3" s="76"/>
      <c r="K3" s="76"/>
      <c r="L3" s="76"/>
      <c r="M3" s="76"/>
      <c r="N3" s="76"/>
      <c r="O3" s="77"/>
      <c r="P3" s="77"/>
      <c r="Q3" s="77"/>
      <c r="R3" s="78"/>
      <c r="S3" s="78"/>
      <c r="T3" s="78"/>
      <c r="U3" s="78"/>
      <c r="V3" s="78"/>
      <c r="W3" s="78"/>
      <c r="X3" s="79"/>
      <c r="Y3" s="79"/>
      <c r="Z3" s="77"/>
      <c r="AA3" s="77"/>
      <c r="AB3" s="78"/>
      <c r="AC3" s="78"/>
      <c r="AD3" s="78"/>
      <c r="AE3" s="78"/>
      <c r="AF3" s="78"/>
      <c r="AG3" s="78"/>
      <c r="AH3" s="79"/>
      <c r="AI3" s="79"/>
      <c r="AJ3" s="77"/>
      <c r="AK3" s="77"/>
      <c r="AL3" s="77"/>
      <c r="AM3" s="77"/>
      <c r="AN3" s="77"/>
      <c r="AO3" s="80"/>
      <c r="AP3" s="80"/>
      <c r="AQ3" s="80"/>
      <c r="AR3" s="80"/>
      <c r="AS3" s="80"/>
      <c r="AT3" s="80"/>
      <c r="AU3" s="80"/>
      <c r="AV3" s="80"/>
      <c r="AW3" s="80"/>
      <c r="AX3" s="81"/>
      <c r="AY3" s="81"/>
      <c r="AZ3" s="81"/>
      <c r="BA3" s="81"/>
      <c r="BB3" s="81"/>
      <c r="BC3" s="81"/>
      <c r="BD3" s="81"/>
      <c r="BE3" s="81"/>
      <c r="BF3" s="81"/>
      <c r="BG3" s="81"/>
      <c r="BH3" s="81"/>
      <c r="BI3" s="81"/>
      <c r="BJ3" s="81"/>
      <c r="BK3" s="81"/>
      <c r="BL3" s="81"/>
      <c r="BM3" s="81"/>
      <c r="BN3" s="81"/>
      <c r="BO3" s="81"/>
      <c r="BP3" s="81"/>
      <c r="BQ3" s="81"/>
    </row>
    <row r="4" spans="1:69" ht="43.5" customHeight="1">
      <c r="A4" s="82"/>
      <c r="B4" s="154" t="s">
        <v>101</v>
      </c>
      <c r="C4" s="155"/>
      <c r="D4" s="155"/>
      <c r="E4" s="155"/>
      <c r="F4" s="155"/>
      <c r="G4" s="155"/>
      <c r="H4" s="155"/>
      <c r="I4" s="155"/>
      <c r="J4" s="155"/>
      <c r="K4" s="155"/>
      <c r="L4" s="155"/>
      <c r="M4" s="155"/>
      <c r="N4" s="156"/>
      <c r="O4" s="184" t="s">
        <v>102</v>
      </c>
      <c r="P4" s="185"/>
      <c r="Q4" s="185"/>
      <c r="R4" s="185"/>
      <c r="S4" s="185"/>
      <c r="T4" s="185"/>
      <c r="U4" s="185"/>
      <c r="V4" s="185"/>
      <c r="W4" s="185"/>
      <c r="X4" s="185"/>
      <c r="Y4" s="185"/>
      <c r="Z4" s="185"/>
      <c r="AA4" s="185"/>
      <c r="AB4" s="185" t="s">
        <v>103</v>
      </c>
      <c r="AC4" s="185"/>
      <c r="AD4" s="185"/>
      <c r="AE4" s="185"/>
      <c r="AF4" s="185"/>
      <c r="AG4" s="185"/>
      <c r="AH4" s="185"/>
      <c r="AI4" s="185"/>
      <c r="AJ4" s="185"/>
      <c r="AK4" s="185"/>
      <c r="AL4" s="185"/>
      <c r="AM4" s="185"/>
      <c r="AN4" s="186"/>
      <c r="AO4" s="187" t="s">
        <v>104</v>
      </c>
      <c r="AP4" s="188"/>
      <c r="AQ4" s="188"/>
      <c r="AR4" s="188"/>
      <c r="AS4" s="188"/>
      <c r="AT4" s="188"/>
      <c r="AU4" s="188"/>
      <c r="AV4" s="188"/>
      <c r="AW4" s="189"/>
      <c r="AX4" s="154" t="s">
        <v>105</v>
      </c>
      <c r="AY4" s="155"/>
      <c r="AZ4" s="155"/>
      <c r="BA4" s="155"/>
      <c r="BB4" s="155"/>
      <c r="BC4" s="155"/>
      <c r="BD4" s="155"/>
      <c r="BE4" s="155"/>
      <c r="BF4" s="155"/>
      <c r="BG4" s="155"/>
      <c r="BH4" s="155"/>
      <c r="BI4" s="155"/>
      <c r="BJ4" s="155"/>
      <c r="BK4" s="155"/>
      <c r="BL4" s="155"/>
      <c r="BM4" s="155"/>
      <c r="BN4" s="155"/>
      <c r="BO4" s="155"/>
      <c r="BP4" s="155"/>
      <c r="BQ4" s="156"/>
    </row>
    <row r="5" spans="1:69" ht="16.5" customHeight="1">
      <c r="A5" s="157" t="s">
        <v>93</v>
      </c>
      <c r="B5" s="160" t="s">
        <v>106</v>
      </c>
      <c r="C5" s="161"/>
      <c r="D5" s="161"/>
      <c r="E5" s="161"/>
      <c r="F5" s="161"/>
      <c r="G5" s="161"/>
      <c r="H5" s="161"/>
      <c r="I5" s="161"/>
      <c r="J5" s="161"/>
      <c r="K5" s="161"/>
      <c r="L5" s="161"/>
      <c r="M5" s="161"/>
      <c r="N5" s="162"/>
      <c r="O5" s="83"/>
      <c r="P5" s="84"/>
      <c r="Q5" s="84"/>
      <c r="R5" s="84"/>
      <c r="S5" s="84"/>
      <c r="T5" s="84"/>
      <c r="U5" s="84"/>
      <c r="V5" s="84"/>
      <c r="W5" s="84"/>
      <c r="X5" s="84"/>
      <c r="Y5" s="84"/>
      <c r="Z5" s="84"/>
      <c r="AA5" s="84"/>
      <c r="AB5" s="84"/>
      <c r="AC5" s="84"/>
      <c r="AD5" s="84"/>
      <c r="AE5" s="84"/>
      <c r="AF5" s="84"/>
      <c r="AG5" s="84"/>
      <c r="AH5" s="84"/>
      <c r="AI5" s="84"/>
      <c r="AJ5" s="84"/>
      <c r="AK5" s="84"/>
      <c r="AL5" s="84"/>
      <c r="AM5" s="84"/>
      <c r="AN5" s="85"/>
      <c r="AO5" s="86"/>
      <c r="AP5" s="87"/>
      <c r="AQ5" s="87"/>
      <c r="AR5" s="87"/>
      <c r="AS5" s="87"/>
      <c r="AT5" s="87"/>
      <c r="AU5" s="87"/>
      <c r="AV5" s="87"/>
      <c r="AW5" s="88"/>
      <c r="AX5" s="163" t="s">
        <v>107</v>
      </c>
      <c r="AY5" s="164"/>
      <c r="AZ5" s="164"/>
      <c r="BA5" s="164"/>
      <c r="BB5" s="164"/>
      <c r="BC5" s="164"/>
      <c r="BD5" s="164"/>
      <c r="BE5" s="164"/>
      <c r="BF5" s="164"/>
      <c r="BG5" s="164"/>
      <c r="BH5" s="164"/>
      <c r="BI5" s="164"/>
      <c r="BJ5" s="164"/>
      <c r="BK5" s="164"/>
      <c r="BL5" s="164"/>
      <c r="BM5" s="164"/>
      <c r="BN5" s="164"/>
      <c r="BO5" s="164"/>
      <c r="BP5" s="164"/>
      <c r="BQ5" s="165"/>
    </row>
    <row r="6" spans="1:69" ht="16.5" customHeight="1">
      <c r="A6" s="158"/>
      <c r="B6" s="172" t="s">
        <v>108</v>
      </c>
      <c r="C6" s="173"/>
      <c r="D6" s="173"/>
      <c r="E6" s="173"/>
      <c r="F6" s="173"/>
      <c r="G6" s="173"/>
      <c r="H6" s="173"/>
      <c r="I6" s="173"/>
      <c r="J6" s="173"/>
      <c r="K6" s="173"/>
      <c r="L6" s="173"/>
      <c r="M6" s="173"/>
      <c r="N6" s="174"/>
      <c r="AJ6" s="89"/>
      <c r="AK6" s="89"/>
      <c r="AL6" s="89"/>
      <c r="AM6" s="89"/>
      <c r="AN6" s="90"/>
      <c r="AO6" s="91"/>
      <c r="AP6" s="92"/>
      <c r="AQ6" s="92"/>
      <c r="AR6" s="92"/>
      <c r="AS6" s="92"/>
      <c r="AT6" s="92"/>
      <c r="AU6" s="92"/>
      <c r="AV6" s="92"/>
      <c r="AW6" s="93"/>
      <c r="AX6" s="166"/>
      <c r="AY6" s="167"/>
      <c r="AZ6" s="167"/>
      <c r="BA6" s="167"/>
      <c r="BB6" s="167"/>
      <c r="BC6" s="167"/>
      <c r="BD6" s="167"/>
      <c r="BE6" s="167"/>
      <c r="BF6" s="167"/>
      <c r="BG6" s="167"/>
      <c r="BH6" s="167"/>
      <c r="BI6" s="167"/>
      <c r="BJ6" s="167"/>
      <c r="BK6" s="167"/>
      <c r="BL6" s="167"/>
      <c r="BM6" s="167"/>
      <c r="BN6" s="167"/>
      <c r="BO6" s="167"/>
      <c r="BP6" s="167"/>
      <c r="BQ6" s="168"/>
    </row>
    <row r="7" spans="1:69" ht="18" customHeight="1">
      <c r="A7" s="158"/>
      <c r="B7" s="175" t="s">
        <v>109</v>
      </c>
      <c r="C7" s="176"/>
      <c r="D7" s="176"/>
      <c r="E7" s="176"/>
      <c r="F7" s="176"/>
      <c r="G7" s="176"/>
      <c r="H7" s="176"/>
      <c r="I7" s="176"/>
      <c r="J7" s="176"/>
      <c r="K7" s="176"/>
      <c r="L7" s="176"/>
      <c r="M7" s="176"/>
      <c r="N7" s="177"/>
      <c r="O7" s="94" t="s">
        <v>110</v>
      </c>
      <c r="P7" s="94"/>
      <c r="Q7" s="94"/>
      <c r="R7" s="94"/>
      <c r="S7" s="94"/>
      <c r="T7" s="94"/>
      <c r="U7" s="94"/>
      <c r="V7" s="94"/>
      <c r="W7" s="94"/>
      <c r="X7" s="94"/>
      <c r="Y7" s="94"/>
      <c r="Z7" s="94"/>
      <c r="AA7" s="94"/>
      <c r="AB7" s="94"/>
      <c r="AC7" s="94"/>
      <c r="AD7" s="94"/>
      <c r="AE7" s="95"/>
      <c r="AF7" s="95"/>
      <c r="AG7" s="95"/>
      <c r="AH7" s="95"/>
      <c r="AI7" s="95"/>
      <c r="AJ7" s="95"/>
      <c r="AK7" s="94"/>
      <c r="AL7" s="94"/>
      <c r="AM7" s="94"/>
      <c r="AN7" s="96"/>
      <c r="AO7" s="97"/>
      <c r="AP7" s="98"/>
      <c r="AQ7" s="98"/>
      <c r="AR7" s="98"/>
      <c r="AS7" s="98"/>
      <c r="AT7" s="98"/>
      <c r="AU7" s="98"/>
      <c r="AV7" s="98"/>
      <c r="AW7" s="99"/>
      <c r="AX7" s="166"/>
      <c r="AY7" s="167"/>
      <c r="AZ7" s="167"/>
      <c r="BA7" s="167"/>
      <c r="BB7" s="167"/>
      <c r="BC7" s="167"/>
      <c r="BD7" s="167"/>
      <c r="BE7" s="167"/>
      <c r="BF7" s="167"/>
      <c r="BG7" s="167"/>
      <c r="BH7" s="167"/>
      <c r="BI7" s="167"/>
      <c r="BJ7" s="167"/>
      <c r="BK7" s="167"/>
      <c r="BL7" s="167"/>
      <c r="BM7" s="167"/>
      <c r="BN7" s="167"/>
      <c r="BO7" s="167"/>
      <c r="BP7" s="167"/>
      <c r="BQ7" s="168"/>
    </row>
    <row r="8" spans="1:69" ht="18" customHeight="1">
      <c r="A8" s="158"/>
      <c r="B8" s="175"/>
      <c r="C8" s="176"/>
      <c r="D8" s="176"/>
      <c r="E8" s="176"/>
      <c r="F8" s="176"/>
      <c r="G8" s="176"/>
      <c r="H8" s="176"/>
      <c r="I8" s="176"/>
      <c r="J8" s="176"/>
      <c r="K8" s="176"/>
      <c r="L8" s="176"/>
      <c r="M8" s="176"/>
      <c r="N8" s="177"/>
      <c r="O8" s="100"/>
      <c r="P8" s="94" t="s">
        <v>111</v>
      </c>
      <c r="Q8" s="94"/>
      <c r="R8" s="94"/>
      <c r="S8" s="94"/>
      <c r="T8" s="94"/>
      <c r="U8" s="94"/>
      <c r="V8" s="94"/>
      <c r="W8" s="94"/>
      <c r="X8" s="94"/>
      <c r="Y8" s="94"/>
      <c r="Z8" s="94"/>
      <c r="AA8" s="94"/>
      <c r="AB8" s="94"/>
      <c r="AC8" s="94" t="s">
        <v>112</v>
      </c>
      <c r="AD8" s="94"/>
      <c r="AE8" s="95"/>
      <c r="AF8" s="95"/>
      <c r="AG8" s="95"/>
      <c r="AH8" s="95"/>
      <c r="AI8" s="95"/>
      <c r="AJ8" s="95"/>
      <c r="AK8" s="94"/>
      <c r="AL8" s="94"/>
      <c r="AM8" s="94"/>
      <c r="AN8" s="96"/>
      <c r="AO8" s="178" t="s">
        <v>113</v>
      </c>
      <c r="AP8" s="179"/>
      <c r="AQ8" s="179"/>
      <c r="AR8" s="179"/>
      <c r="AS8" s="179"/>
      <c r="AT8" s="179"/>
      <c r="AU8" s="179"/>
      <c r="AV8" s="179"/>
      <c r="AW8" s="180"/>
      <c r="AX8" s="166"/>
      <c r="AY8" s="167"/>
      <c r="AZ8" s="167"/>
      <c r="BA8" s="167"/>
      <c r="BB8" s="167"/>
      <c r="BC8" s="167"/>
      <c r="BD8" s="167"/>
      <c r="BE8" s="167"/>
      <c r="BF8" s="167"/>
      <c r="BG8" s="167"/>
      <c r="BH8" s="167"/>
      <c r="BI8" s="167"/>
      <c r="BJ8" s="167"/>
      <c r="BK8" s="167"/>
      <c r="BL8" s="167"/>
      <c r="BM8" s="167"/>
      <c r="BN8" s="167"/>
      <c r="BO8" s="167"/>
      <c r="BP8" s="167"/>
      <c r="BQ8" s="168"/>
    </row>
    <row r="9" spans="1:69" ht="18" customHeight="1">
      <c r="A9" s="158"/>
      <c r="B9" s="175"/>
      <c r="C9" s="176"/>
      <c r="D9" s="176"/>
      <c r="E9" s="176"/>
      <c r="F9" s="176"/>
      <c r="G9" s="176"/>
      <c r="H9" s="176"/>
      <c r="I9" s="176"/>
      <c r="J9" s="176"/>
      <c r="K9" s="176"/>
      <c r="L9" s="176"/>
      <c r="M9" s="176"/>
      <c r="N9" s="177"/>
      <c r="O9" s="94" t="s">
        <v>114</v>
      </c>
      <c r="P9" s="94"/>
      <c r="Q9" s="94"/>
      <c r="R9" s="94"/>
      <c r="S9" s="94"/>
      <c r="T9" s="94"/>
      <c r="U9" s="94"/>
      <c r="V9" s="94"/>
      <c r="W9" s="94"/>
      <c r="X9" s="94"/>
      <c r="Y9" s="94"/>
      <c r="Z9" s="94"/>
      <c r="AA9" s="94"/>
      <c r="AB9" s="94"/>
      <c r="AC9" s="94"/>
      <c r="AD9" s="94"/>
      <c r="AE9" s="95"/>
      <c r="AF9" s="95"/>
      <c r="AG9" s="95"/>
      <c r="AH9" s="95"/>
      <c r="AI9" s="95"/>
      <c r="AJ9" s="95"/>
      <c r="AK9" s="94"/>
      <c r="AL9" s="94"/>
      <c r="AM9" s="94"/>
      <c r="AN9" s="96"/>
      <c r="AO9" s="178"/>
      <c r="AP9" s="179"/>
      <c r="AQ9" s="179"/>
      <c r="AR9" s="179"/>
      <c r="AS9" s="179"/>
      <c r="AT9" s="179"/>
      <c r="AU9" s="179"/>
      <c r="AV9" s="179"/>
      <c r="AW9" s="180"/>
      <c r="AX9" s="166"/>
      <c r="AY9" s="167"/>
      <c r="AZ9" s="167"/>
      <c r="BA9" s="167"/>
      <c r="BB9" s="167"/>
      <c r="BC9" s="167"/>
      <c r="BD9" s="167"/>
      <c r="BE9" s="167"/>
      <c r="BF9" s="167"/>
      <c r="BG9" s="167"/>
      <c r="BH9" s="167"/>
      <c r="BI9" s="167"/>
      <c r="BJ9" s="167"/>
      <c r="BK9" s="167"/>
      <c r="BL9" s="167"/>
      <c r="BM9" s="167"/>
      <c r="BN9" s="167"/>
      <c r="BO9" s="167"/>
      <c r="BP9" s="167"/>
      <c r="BQ9" s="168"/>
    </row>
    <row r="10" spans="1:69" ht="18" customHeight="1">
      <c r="A10" s="158"/>
      <c r="B10" s="175"/>
      <c r="C10" s="176"/>
      <c r="D10" s="176"/>
      <c r="E10" s="176"/>
      <c r="F10" s="176"/>
      <c r="G10" s="176"/>
      <c r="H10" s="176"/>
      <c r="I10" s="176"/>
      <c r="J10" s="176"/>
      <c r="K10" s="176"/>
      <c r="L10" s="176"/>
      <c r="M10" s="176"/>
      <c r="N10" s="177"/>
      <c r="O10" s="100"/>
      <c r="P10" s="94" t="s">
        <v>115</v>
      </c>
      <c r="Q10" s="94"/>
      <c r="R10" s="94"/>
      <c r="S10" s="94"/>
      <c r="T10" s="94"/>
      <c r="U10" s="94"/>
      <c r="V10" s="94"/>
      <c r="W10" s="94"/>
      <c r="X10" s="94"/>
      <c r="Y10" s="94"/>
      <c r="Z10" s="94"/>
      <c r="AA10" s="94"/>
      <c r="AB10" s="94"/>
      <c r="AC10" s="94" t="s">
        <v>116</v>
      </c>
      <c r="AD10" s="94"/>
      <c r="AE10" s="101"/>
      <c r="AF10" s="101"/>
      <c r="AG10" s="101"/>
      <c r="AH10" s="101"/>
      <c r="AI10" s="101"/>
      <c r="AJ10" s="101"/>
      <c r="AK10" s="94"/>
      <c r="AL10" s="94"/>
      <c r="AM10" s="94"/>
      <c r="AN10" s="96"/>
      <c r="AO10" s="178"/>
      <c r="AP10" s="179"/>
      <c r="AQ10" s="179"/>
      <c r="AR10" s="179"/>
      <c r="AS10" s="179"/>
      <c r="AT10" s="179"/>
      <c r="AU10" s="179"/>
      <c r="AV10" s="179"/>
      <c r="AW10" s="180"/>
      <c r="AX10" s="166"/>
      <c r="AY10" s="167"/>
      <c r="AZ10" s="167"/>
      <c r="BA10" s="167"/>
      <c r="BB10" s="167"/>
      <c r="BC10" s="167"/>
      <c r="BD10" s="167"/>
      <c r="BE10" s="167"/>
      <c r="BF10" s="167"/>
      <c r="BG10" s="167"/>
      <c r="BH10" s="167"/>
      <c r="BI10" s="167"/>
      <c r="BJ10" s="167"/>
      <c r="BK10" s="167"/>
      <c r="BL10" s="167"/>
      <c r="BM10" s="167"/>
      <c r="BN10" s="167"/>
      <c r="BO10" s="167"/>
      <c r="BP10" s="167"/>
      <c r="BQ10" s="168"/>
    </row>
    <row r="11" spans="1:69" ht="18" customHeight="1">
      <c r="A11" s="158"/>
      <c r="B11" s="175"/>
      <c r="C11" s="176"/>
      <c r="D11" s="176"/>
      <c r="E11" s="176"/>
      <c r="F11" s="176"/>
      <c r="G11" s="176"/>
      <c r="H11" s="176"/>
      <c r="I11" s="176"/>
      <c r="J11" s="176"/>
      <c r="K11" s="176"/>
      <c r="L11" s="176"/>
      <c r="M11" s="176"/>
      <c r="N11" s="177"/>
      <c r="O11" s="100"/>
      <c r="P11" s="94"/>
      <c r="Q11" s="94"/>
      <c r="R11" s="94"/>
      <c r="S11" s="94"/>
      <c r="T11" s="94"/>
      <c r="U11" s="94"/>
      <c r="V11" s="102"/>
      <c r="W11" s="94"/>
      <c r="X11" s="94"/>
      <c r="Y11" s="94"/>
      <c r="Z11" s="103"/>
      <c r="AA11" s="94"/>
      <c r="AB11" s="94"/>
      <c r="AC11" s="102"/>
      <c r="AD11" s="102"/>
      <c r="AE11" s="94"/>
      <c r="AF11" s="102"/>
      <c r="AG11" s="104"/>
      <c r="AH11" s="94"/>
      <c r="AI11" s="94"/>
      <c r="AJ11" s="94"/>
      <c r="AK11" s="94" t="s">
        <v>117</v>
      </c>
      <c r="AL11" s="94"/>
      <c r="AM11" s="94"/>
      <c r="AN11" s="96"/>
      <c r="AO11" s="178"/>
      <c r="AP11" s="179"/>
      <c r="AQ11" s="179"/>
      <c r="AR11" s="179"/>
      <c r="AS11" s="179"/>
      <c r="AT11" s="179"/>
      <c r="AU11" s="179"/>
      <c r="AV11" s="179"/>
      <c r="AW11" s="180"/>
      <c r="AX11" s="166"/>
      <c r="AY11" s="167"/>
      <c r="AZ11" s="167"/>
      <c r="BA11" s="167"/>
      <c r="BB11" s="167"/>
      <c r="BC11" s="167"/>
      <c r="BD11" s="167"/>
      <c r="BE11" s="167"/>
      <c r="BF11" s="167"/>
      <c r="BG11" s="167"/>
      <c r="BH11" s="167"/>
      <c r="BI11" s="167"/>
      <c r="BJ11" s="167"/>
      <c r="BK11" s="167"/>
      <c r="BL11" s="167"/>
      <c r="BM11" s="167"/>
      <c r="BN11" s="167"/>
      <c r="BO11" s="167"/>
      <c r="BP11" s="167"/>
      <c r="BQ11" s="168"/>
    </row>
    <row r="12" spans="1:69" ht="18" customHeight="1">
      <c r="A12" s="158"/>
      <c r="B12" s="100" t="s">
        <v>118</v>
      </c>
      <c r="C12" s="105"/>
      <c r="D12" s="105"/>
      <c r="E12" s="105"/>
      <c r="F12" s="105"/>
      <c r="G12" s="105"/>
      <c r="H12" s="105"/>
      <c r="I12" s="105"/>
      <c r="J12" s="105"/>
      <c r="K12" s="105"/>
      <c r="L12" s="105"/>
      <c r="M12" s="105"/>
      <c r="N12" s="106"/>
      <c r="O12" s="94"/>
      <c r="P12" s="94"/>
      <c r="Q12" s="94"/>
      <c r="R12" s="94"/>
      <c r="S12" s="94"/>
      <c r="T12" s="94"/>
      <c r="U12" s="94"/>
      <c r="V12" s="94"/>
      <c r="W12" s="94"/>
      <c r="X12" s="94"/>
      <c r="Y12" s="94"/>
      <c r="Z12" s="94"/>
      <c r="AA12" s="94"/>
      <c r="AB12" s="94"/>
      <c r="AC12" s="94"/>
      <c r="AD12" s="94"/>
      <c r="AE12" s="94"/>
      <c r="AF12" s="94"/>
      <c r="AG12" s="94"/>
      <c r="AH12" s="94"/>
      <c r="AI12" s="94"/>
      <c r="AJ12" s="94"/>
      <c r="AK12" s="94"/>
      <c r="AL12" s="94"/>
      <c r="AM12" s="94"/>
      <c r="AN12" s="96"/>
      <c r="AO12" s="107"/>
      <c r="AP12" s="108"/>
      <c r="AQ12" s="108"/>
      <c r="AR12" s="108"/>
      <c r="AS12" s="108"/>
      <c r="AT12" s="108"/>
      <c r="AU12" s="108"/>
      <c r="AV12" s="108"/>
      <c r="AW12" s="109"/>
      <c r="AX12" s="166"/>
      <c r="AY12" s="167"/>
      <c r="AZ12" s="167"/>
      <c r="BA12" s="167"/>
      <c r="BB12" s="167"/>
      <c r="BC12" s="167"/>
      <c r="BD12" s="167"/>
      <c r="BE12" s="167"/>
      <c r="BF12" s="167"/>
      <c r="BG12" s="167"/>
      <c r="BH12" s="167"/>
      <c r="BI12" s="167"/>
      <c r="BJ12" s="167"/>
      <c r="BK12" s="167"/>
      <c r="BL12" s="167"/>
      <c r="BM12" s="167"/>
      <c r="BN12" s="167"/>
      <c r="BO12" s="167"/>
      <c r="BP12" s="167"/>
      <c r="BQ12" s="168"/>
    </row>
    <row r="13" spans="1:69" ht="16.5" customHeight="1">
      <c r="A13" s="159"/>
      <c r="B13" s="181"/>
      <c r="C13" s="182"/>
      <c r="D13" s="182"/>
      <c r="E13" s="182"/>
      <c r="F13" s="182"/>
      <c r="G13" s="182"/>
      <c r="H13" s="182"/>
      <c r="I13" s="182"/>
      <c r="J13" s="182"/>
      <c r="K13" s="182"/>
      <c r="L13" s="182"/>
      <c r="M13" s="182"/>
      <c r="N13" s="183"/>
      <c r="O13" s="110"/>
      <c r="P13" s="111"/>
      <c r="Q13" s="111"/>
      <c r="R13" s="111"/>
      <c r="S13" s="111"/>
      <c r="T13" s="111"/>
      <c r="U13" s="112"/>
      <c r="V13" s="111"/>
      <c r="W13" s="111"/>
      <c r="X13" s="111"/>
      <c r="Y13" s="113"/>
      <c r="Z13" s="111"/>
      <c r="AA13" s="111"/>
      <c r="AB13" s="112"/>
      <c r="AC13" s="112"/>
      <c r="AD13" s="111"/>
      <c r="AE13" s="112"/>
      <c r="AF13" s="114"/>
      <c r="AG13" s="111"/>
      <c r="AH13" s="111"/>
      <c r="AI13" s="111"/>
      <c r="AJ13" s="111"/>
      <c r="AK13" s="111"/>
      <c r="AL13" s="111"/>
      <c r="AM13" s="111"/>
      <c r="AN13" s="115"/>
      <c r="AO13" s="116"/>
      <c r="AP13" s="117"/>
      <c r="AQ13" s="117"/>
      <c r="AR13" s="117"/>
      <c r="AS13" s="117"/>
      <c r="AT13" s="117"/>
      <c r="AU13" s="117"/>
      <c r="AV13" s="117"/>
      <c r="AW13" s="118"/>
      <c r="AX13" s="169"/>
      <c r="AY13" s="170"/>
      <c r="AZ13" s="170"/>
      <c r="BA13" s="170"/>
      <c r="BB13" s="170"/>
      <c r="BC13" s="170"/>
      <c r="BD13" s="170"/>
      <c r="BE13" s="170"/>
      <c r="BF13" s="170"/>
      <c r="BG13" s="170"/>
      <c r="BH13" s="170"/>
      <c r="BI13" s="170"/>
      <c r="BJ13" s="170"/>
      <c r="BK13" s="170"/>
      <c r="BL13" s="170"/>
      <c r="BM13" s="170"/>
      <c r="BN13" s="170"/>
      <c r="BO13" s="170"/>
      <c r="BP13" s="170"/>
      <c r="BQ13" s="171"/>
    </row>
    <row r="14" spans="1:69" ht="18.75" customHeight="1"/>
    <row r="15" spans="1:69" ht="14.25" customHeight="1"/>
    <row r="33" ht="8.25" customHeight="1"/>
    <row r="34" ht="8.25" customHeight="1"/>
    <row r="35" ht="8.25" customHeight="1"/>
    <row r="36" ht="8.25" customHeight="1"/>
    <row r="37" ht="8.25" customHeight="1"/>
    <row r="38" ht="8.25" customHeight="1"/>
    <row r="39" ht="8.25" customHeight="1"/>
    <row r="40" ht="8.25" customHeight="1"/>
    <row r="41" ht="8.25" customHeight="1"/>
    <row r="42" ht="8.25" customHeight="1"/>
    <row r="43" ht="8.25" customHeight="1"/>
    <row r="44" ht="8.25" customHeight="1"/>
    <row r="45" ht="8.25" customHeight="1"/>
    <row r="46" ht="8.25" customHeight="1"/>
    <row r="47" ht="8.25" customHeight="1"/>
    <row r="48" ht="8.25" customHeight="1"/>
    <row r="49" ht="8.25" customHeight="1"/>
    <row r="50" ht="8.25" customHeight="1"/>
    <row r="51" ht="8.25" customHeight="1"/>
    <row r="52" ht="8.25" customHeight="1"/>
    <row r="53" ht="8.25" customHeight="1"/>
    <row r="54" ht="8.25" customHeight="1"/>
    <row r="55" ht="8.25" customHeight="1"/>
    <row r="56" ht="8.25" customHeight="1"/>
    <row r="57" ht="8.25" customHeight="1"/>
    <row r="58" ht="8.25" customHeight="1"/>
    <row r="59" ht="8.25" customHeight="1"/>
    <row r="60" ht="8.25" customHeight="1"/>
    <row r="61" ht="8.25" customHeight="1"/>
    <row r="62" ht="8.25" customHeight="1"/>
    <row r="63" ht="8.25" customHeight="1"/>
    <row r="64" ht="8.25" customHeight="1"/>
    <row r="65" ht="8.25" customHeight="1"/>
    <row r="66" ht="8.25" customHeight="1"/>
    <row r="67" ht="8.25" customHeight="1"/>
    <row r="68" ht="8.25" customHeight="1"/>
    <row r="69" ht="8.25" customHeight="1"/>
    <row r="70" ht="8.25" customHeight="1"/>
    <row r="71" ht="8.25" customHeight="1"/>
    <row r="72" ht="8.25" customHeight="1"/>
    <row r="73" ht="8.25" customHeight="1"/>
    <row r="74" ht="8.25" customHeight="1"/>
    <row r="75" ht="8.25" customHeight="1"/>
    <row r="76" ht="8.25" customHeight="1"/>
    <row r="77" ht="8.25" customHeight="1"/>
    <row r="78" ht="8.25" customHeight="1"/>
    <row r="79" ht="8.25" customHeight="1"/>
    <row r="80" ht="8.25" customHeight="1"/>
    <row r="81" ht="8.25" customHeight="1"/>
    <row r="82" ht="8.25" customHeight="1"/>
    <row r="83" ht="8.25" customHeight="1"/>
    <row r="84" ht="8.25" customHeight="1"/>
    <row r="85" ht="8.25" customHeight="1"/>
    <row r="86" ht="8.25" customHeight="1"/>
    <row r="87" ht="8.25" customHeight="1"/>
    <row r="88" ht="8.25" customHeight="1"/>
    <row r="89" ht="8.25" customHeight="1"/>
    <row r="90" ht="8.25" customHeight="1"/>
    <row r="91" ht="8.25" customHeight="1"/>
    <row r="92" ht="8.25" customHeight="1"/>
    <row r="93" ht="8.25" customHeight="1"/>
    <row r="94" ht="8.25" customHeight="1"/>
    <row r="95" ht="8.25" customHeight="1"/>
    <row r="96" ht="8.25" customHeight="1"/>
    <row r="97" ht="8.25" customHeight="1"/>
    <row r="98" ht="8.25" customHeight="1"/>
    <row r="99" ht="8.25" customHeight="1"/>
    <row r="100" ht="8.25" customHeight="1"/>
    <row r="101" ht="8.25" customHeight="1"/>
    <row r="102" ht="8.25" customHeight="1"/>
    <row r="103" ht="8.25" customHeight="1"/>
    <row r="104" ht="8.25" customHeight="1"/>
    <row r="105" ht="8.25" customHeight="1"/>
    <row r="106" ht="8.25" customHeight="1"/>
    <row r="107" ht="8.25" customHeight="1"/>
    <row r="108" ht="8.25" customHeight="1"/>
    <row r="109" ht="8.25" customHeight="1"/>
    <row r="110" ht="8.25" customHeight="1"/>
    <row r="111" ht="8.25" customHeight="1"/>
    <row r="112" ht="8.25" customHeight="1"/>
    <row r="113" ht="8.25" customHeight="1"/>
    <row r="114" ht="8.25" customHeight="1"/>
    <row r="115" ht="8.25" customHeight="1"/>
    <row r="116" ht="8.25" customHeight="1"/>
    <row r="117" ht="8.25" customHeight="1"/>
    <row r="118" ht="8.25" customHeight="1"/>
    <row r="119" ht="8.25" customHeight="1"/>
    <row r="120" ht="8.25" customHeight="1"/>
    <row r="121" ht="8.25" customHeight="1"/>
    <row r="122" ht="8.25" customHeight="1"/>
    <row r="123" ht="8.25" customHeight="1"/>
    <row r="124" ht="8.25" customHeight="1"/>
    <row r="125" ht="8.25" customHeight="1"/>
    <row r="126" ht="8.25" customHeight="1"/>
    <row r="127" ht="8.25" customHeight="1"/>
    <row r="128" ht="8.25" customHeight="1"/>
    <row r="129" ht="8.25" customHeight="1"/>
    <row r="130" ht="8.25" customHeight="1"/>
    <row r="131" ht="8.25" customHeight="1"/>
    <row r="132" ht="8.25" customHeight="1"/>
    <row r="133" ht="8.25" customHeight="1"/>
    <row r="134" ht="8.25" customHeight="1"/>
    <row r="135" ht="8.25" customHeight="1"/>
    <row r="136" ht="8.25" customHeight="1"/>
    <row r="137" ht="8.25" customHeight="1"/>
    <row r="138" ht="8.25" customHeight="1"/>
    <row r="139" ht="8.25" customHeight="1"/>
    <row r="140" ht="8.25" customHeight="1"/>
    <row r="141" ht="8.25" customHeight="1"/>
    <row r="142" ht="8.25" customHeight="1"/>
    <row r="143" ht="8.25" customHeight="1"/>
    <row r="144" ht="8.25" customHeight="1"/>
    <row r="145" ht="8.25" customHeight="1"/>
    <row r="146" ht="8.25" customHeight="1"/>
    <row r="147" ht="8.25" customHeight="1"/>
    <row r="148" ht="8.25" customHeight="1"/>
    <row r="149" ht="8.25" customHeight="1"/>
    <row r="150" ht="8.25" customHeight="1"/>
    <row r="151" ht="8.25" customHeight="1"/>
    <row r="152" ht="8.25" customHeight="1"/>
    <row r="153" ht="8.25" customHeight="1"/>
    <row r="154" ht="8.25" customHeight="1"/>
    <row r="155" ht="8.25" customHeight="1"/>
    <row r="156" ht="8.25" customHeight="1"/>
    <row r="157" ht="8.25" customHeight="1"/>
    <row r="158" ht="8.25" customHeight="1"/>
    <row r="159" ht="8.25" customHeight="1"/>
    <row r="160" ht="8.25" customHeight="1"/>
    <row r="161" ht="8.25" customHeight="1"/>
    <row r="162" ht="8.25" customHeight="1"/>
    <row r="163" ht="8.25" customHeight="1"/>
    <row r="164" ht="8.25" customHeight="1"/>
    <row r="165" ht="8.25" customHeight="1"/>
    <row r="166" ht="8.25" customHeight="1"/>
    <row r="167" ht="8.25" customHeight="1"/>
    <row r="168" ht="8.25" customHeight="1"/>
    <row r="169" ht="8.25" customHeight="1"/>
    <row r="170" ht="8.25" customHeight="1"/>
    <row r="171" ht="8.25" customHeight="1"/>
    <row r="172" ht="8.25" customHeight="1"/>
    <row r="173" ht="8.25" customHeight="1"/>
    <row r="174" ht="8.25" customHeight="1"/>
    <row r="175" ht="8.25" customHeight="1"/>
    <row r="176" ht="8.25" customHeight="1"/>
    <row r="177" ht="8.25" customHeight="1"/>
    <row r="178" ht="8.25" customHeight="1"/>
    <row r="179" ht="8.25" customHeight="1"/>
    <row r="180" ht="8.25" customHeight="1"/>
    <row r="181" ht="8.25" customHeight="1"/>
    <row r="182" ht="8.25" customHeight="1"/>
    <row r="183" ht="8.25" customHeight="1"/>
    <row r="184" ht="8.25" customHeight="1"/>
    <row r="185" ht="8.25" customHeight="1"/>
    <row r="186" ht="8.25" customHeight="1"/>
    <row r="187" ht="8.25" customHeight="1"/>
    <row r="188" ht="8.25" customHeight="1"/>
    <row r="189" ht="8.25" customHeight="1"/>
    <row r="190" ht="8.25" customHeight="1"/>
    <row r="191" ht="8.25" customHeight="1"/>
    <row r="192" ht="8.25" customHeight="1"/>
    <row r="193" ht="8.25" customHeight="1"/>
    <row r="194" ht="8.25" customHeight="1"/>
    <row r="195" ht="8.25" customHeight="1"/>
    <row r="196" ht="8.25" customHeight="1"/>
    <row r="197" ht="8.25" customHeight="1"/>
    <row r="198" ht="8.25" customHeight="1"/>
    <row r="199" ht="8.25" customHeight="1"/>
    <row r="200" ht="8.25" customHeight="1"/>
    <row r="201" ht="8.25" customHeight="1"/>
    <row r="202" ht="8.25" customHeight="1"/>
    <row r="203" ht="8.25" customHeight="1"/>
    <row r="204" ht="8.25" customHeight="1"/>
    <row r="205" ht="8.25" customHeight="1"/>
    <row r="206" ht="8.25" customHeight="1"/>
    <row r="207" ht="8.25" customHeight="1"/>
    <row r="208" ht="8.25" customHeight="1"/>
    <row r="209" ht="8.25" customHeight="1"/>
    <row r="210" ht="8.25" customHeight="1"/>
    <row r="211" ht="8.25" customHeight="1"/>
    <row r="212" ht="8.25" customHeight="1"/>
    <row r="213" ht="8.25" customHeight="1"/>
    <row r="214" ht="8.25" customHeight="1"/>
    <row r="215" ht="8.25" customHeight="1"/>
    <row r="216" ht="8.25" customHeight="1"/>
    <row r="217" ht="8.25" customHeight="1"/>
    <row r="218" ht="8.25" customHeight="1"/>
    <row r="219" ht="8.25" customHeight="1"/>
    <row r="220" ht="8.25" customHeight="1"/>
    <row r="221" ht="8.25" customHeight="1"/>
    <row r="222" ht="8.25" customHeight="1"/>
    <row r="223" ht="8.25" customHeight="1"/>
    <row r="224" ht="8.25" customHeight="1"/>
    <row r="225" ht="8.25" customHeight="1"/>
    <row r="226" ht="8.25" customHeight="1"/>
    <row r="227" ht="8.25" customHeight="1"/>
    <row r="228" ht="8.25" customHeight="1"/>
    <row r="229" ht="8.25" customHeight="1"/>
    <row r="230" ht="8.25" customHeight="1"/>
    <row r="231" ht="8.25" customHeight="1"/>
    <row r="232" ht="8.25" customHeight="1"/>
    <row r="233" ht="8.25" customHeight="1"/>
    <row r="234" ht="8.25" customHeight="1"/>
    <row r="235" ht="8.25" customHeight="1"/>
    <row r="236" ht="8.25" customHeight="1"/>
    <row r="237" ht="8.25" customHeight="1"/>
    <row r="238" ht="8.25" customHeight="1"/>
    <row r="239" ht="8.25" customHeight="1"/>
    <row r="240" ht="8.25" customHeight="1"/>
    <row r="241" ht="8.25" customHeight="1"/>
    <row r="242" ht="8.25" customHeight="1"/>
    <row r="243" ht="8.25" customHeight="1"/>
    <row r="244" ht="8.25" customHeight="1"/>
    <row r="245" ht="8.25" customHeight="1"/>
    <row r="246" ht="8.25" customHeight="1"/>
    <row r="247" ht="8.25" customHeight="1"/>
    <row r="248" ht="8.25" customHeight="1"/>
    <row r="249" ht="8.25" customHeight="1"/>
    <row r="250" ht="8.25" customHeight="1"/>
    <row r="251" ht="8.25" customHeight="1"/>
    <row r="252" ht="8.25" customHeight="1"/>
    <row r="253" ht="8.25" customHeight="1"/>
    <row r="254" ht="8.25" customHeight="1"/>
    <row r="255" ht="8.25" customHeight="1"/>
    <row r="256" ht="8.25" customHeight="1"/>
    <row r="257" ht="8.25" customHeight="1"/>
    <row r="258" ht="8.25" customHeight="1"/>
    <row r="259" ht="8.25" customHeight="1"/>
    <row r="260" ht="8.25" customHeight="1"/>
    <row r="261" ht="8.25" customHeight="1"/>
    <row r="262" ht="8.25" customHeight="1"/>
    <row r="263" ht="8.25" customHeight="1"/>
    <row r="264" ht="8.25" customHeight="1"/>
    <row r="265" ht="8.25" customHeight="1"/>
    <row r="266" ht="8.25" customHeight="1"/>
    <row r="267" ht="8.25" customHeight="1"/>
    <row r="268" ht="8.25" customHeight="1"/>
    <row r="269" ht="8.25" customHeight="1"/>
    <row r="270" ht="8.25" customHeight="1"/>
    <row r="271" ht="8.25" customHeight="1"/>
    <row r="272" ht="8.25" customHeight="1"/>
    <row r="273" ht="8.25" customHeight="1"/>
    <row r="274" ht="8.25" customHeight="1"/>
    <row r="275" ht="8.25" customHeight="1"/>
    <row r="276" ht="8.25" customHeight="1"/>
    <row r="277" ht="8.25" customHeight="1"/>
    <row r="278" ht="8.25" customHeight="1"/>
    <row r="279" ht="8.25" customHeight="1"/>
    <row r="280" ht="8.25" customHeight="1"/>
    <row r="281" ht="8.25" customHeight="1"/>
    <row r="282" ht="8.25" customHeight="1"/>
    <row r="283" ht="8.25" customHeight="1"/>
    <row r="284" ht="8.25" customHeight="1"/>
    <row r="285" ht="8.25" customHeight="1"/>
    <row r="286" ht="8.25" customHeight="1"/>
    <row r="287" ht="8.25" customHeight="1"/>
    <row r="288" ht="8.25" customHeight="1"/>
    <row r="289" ht="8.25" customHeight="1"/>
    <row r="290" ht="8.25" customHeight="1"/>
    <row r="291" ht="8.25" customHeight="1"/>
    <row r="292" ht="8.25" customHeight="1"/>
    <row r="293" ht="8.25" customHeight="1"/>
    <row r="294" ht="8.25" customHeight="1"/>
    <row r="295" ht="8.25" customHeight="1"/>
    <row r="296" ht="8.25" customHeight="1"/>
    <row r="297" ht="8.25" customHeight="1"/>
    <row r="298" ht="8.25" customHeight="1"/>
    <row r="299" ht="8.25" customHeight="1"/>
    <row r="300" ht="8.25" customHeight="1"/>
    <row r="301" ht="8.25" customHeight="1"/>
    <row r="302" ht="8.25" customHeight="1"/>
    <row r="303" ht="8.25" customHeight="1"/>
    <row r="304" ht="8.25" customHeight="1"/>
    <row r="305" ht="8.25" customHeight="1"/>
    <row r="306" ht="8.25" customHeight="1"/>
    <row r="307" ht="8.25" customHeight="1"/>
    <row r="308" ht="8.25" customHeight="1"/>
    <row r="309" ht="8.25" customHeight="1"/>
    <row r="310" ht="8.25" customHeight="1"/>
    <row r="311" ht="8.25" customHeight="1"/>
    <row r="312" ht="8.25" customHeight="1"/>
    <row r="313" ht="8.25" customHeight="1"/>
    <row r="314" ht="8.25" customHeight="1"/>
    <row r="315" ht="8.25" customHeight="1"/>
    <row r="316" ht="8.25" customHeight="1"/>
    <row r="317" ht="8.25" customHeight="1"/>
    <row r="318" ht="8.25" customHeight="1"/>
    <row r="319" ht="8.25" customHeight="1"/>
    <row r="320" ht="8.25" customHeight="1"/>
    <row r="321" ht="8.25" customHeight="1"/>
    <row r="322" ht="8.25" customHeight="1"/>
    <row r="323" ht="8.25" customHeight="1"/>
    <row r="324" ht="8.25" customHeight="1"/>
    <row r="325" ht="8.25" customHeight="1"/>
    <row r="326" ht="8.25" customHeight="1"/>
    <row r="327" ht="8.25" customHeight="1"/>
    <row r="328" ht="8.25" customHeight="1"/>
    <row r="329" ht="8.25" customHeight="1"/>
    <row r="330" ht="8.25" customHeight="1"/>
    <row r="331" ht="8.25" customHeight="1"/>
    <row r="332" ht="8.25" customHeight="1"/>
    <row r="333" ht="8.25" customHeight="1"/>
    <row r="334" ht="8.25" customHeight="1"/>
    <row r="335" ht="8.25" customHeight="1"/>
    <row r="336" ht="8.25" customHeight="1"/>
    <row r="337" ht="8.25" customHeight="1"/>
    <row r="338" ht="8.25" customHeight="1"/>
    <row r="339" ht="8.25" customHeight="1"/>
    <row r="340" ht="8.25" customHeight="1"/>
    <row r="341" ht="8.25" customHeight="1"/>
    <row r="342" ht="8.25" customHeight="1"/>
    <row r="343" ht="8.25" customHeight="1"/>
    <row r="344" ht="8.25" customHeight="1"/>
    <row r="345" ht="8.25" customHeight="1"/>
    <row r="346" ht="8.25" customHeight="1"/>
    <row r="347" ht="8.25" customHeight="1"/>
    <row r="348" ht="8.25" customHeight="1"/>
    <row r="349" ht="8.25" customHeight="1"/>
    <row r="350" ht="8.25" customHeight="1"/>
    <row r="351" ht="8.25" customHeight="1"/>
    <row r="352" ht="8.25" customHeight="1"/>
    <row r="353" ht="8.25" customHeight="1"/>
    <row r="354" ht="8.25" customHeight="1"/>
    <row r="355" ht="8.25" customHeight="1"/>
    <row r="356" ht="8.25" customHeight="1"/>
    <row r="357" ht="8.25" customHeight="1"/>
    <row r="358" ht="8.25" customHeight="1"/>
    <row r="359" ht="8.25" customHeight="1"/>
    <row r="360" ht="8.25" customHeight="1"/>
    <row r="361" ht="8.25" customHeight="1"/>
    <row r="362" ht="8.25" customHeight="1"/>
    <row r="363" ht="8.25" customHeight="1"/>
    <row r="364" ht="8.25" customHeight="1"/>
    <row r="365" ht="8.25" customHeight="1"/>
    <row r="366" ht="8.25" customHeight="1"/>
    <row r="367" ht="8.25" customHeight="1"/>
    <row r="368" ht="8.25" customHeight="1"/>
    <row r="369" ht="8.25" customHeight="1"/>
    <row r="370" ht="8.25" customHeight="1"/>
    <row r="371" ht="8.25" customHeight="1"/>
    <row r="372" ht="8.25" customHeight="1"/>
    <row r="373" ht="8.25" customHeight="1"/>
    <row r="374" ht="8.25" customHeight="1"/>
    <row r="375" ht="8.25" customHeight="1"/>
    <row r="376" ht="8.25" customHeight="1"/>
    <row r="377" ht="8.25" customHeight="1"/>
    <row r="378" ht="8.25" customHeight="1"/>
    <row r="379" ht="8.25" customHeight="1"/>
    <row r="380" ht="8.25" customHeight="1"/>
    <row r="381" ht="8.25" customHeight="1"/>
    <row r="382" ht="8.25" customHeight="1"/>
    <row r="383" ht="8.25" customHeight="1"/>
    <row r="384" ht="8.25" customHeight="1"/>
    <row r="385" ht="8.25" customHeight="1"/>
    <row r="386" ht="8.25" customHeight="1"/>
    <row r="387" ht="8.25" customHeight="1"/>
    <row r="388" ht="8.25" customHeight="1"/>
  </sheetData>
  <mergeCells count="12">
    <mergeCell ref="AX4:BQ4"/>
    <mergeCell ref="A5:A13"/>
    <mergeCell ref="B5:N5"/>
    <mergeCell ref="AX5:BQ13"/>
    <mergeCell ref="B6:N6"/>
    <mergeCell ref="B7:N11"/>
    <mergeCell ref="AO8:AW11"/>
    <mergeCell ref="B13:N13"/>
    <mergeCell ref="B4:N4"/>
    <mergeCell ref="O4:AA4"/>
    <mergeCell ref="AB4:AN4"/>
    <mergeCell ref="AO4:AW4"/>
  </mergeCells>
  <phoneticPr fontId="4"/>
  <pageMargins left="0.70866141732283472" right="0.51181102362204722" top="0.70866141732283472" bottom="0.35433070866141736" header="0.31496062992125984" footer="0"/>
  <pageSetup paperSize="9" scale="89" fitToHeight="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歳入一覧</vt:lpstr>
      <vt:lpstr>使用料・手数料の改定等</vt:lpstr>
      <vt:lpstr>歳入一覧!Print_Area</vt:lpstr>
      <vt:lpstr>使用料・手数料の改定等!Print_Area</vt:lpstr>
      <vt:lpstr>歳入一覧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6-02-12T05:14:50Z</dcterms:created>
  <dcterms:modified xsi:type="dcterms:W3CDTF">2026-02-12T05:37:54Z</dcterms:modified>
</cp:coreProperties>
</file>